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1.xml" ContentType="application/vnd.openxmlformats-officedocument.presentationml.tags+xml"/>
  <Override PartName="/ppt/notesSlides/notesSlide2.xml" ContentType="application/vnd.openxmlformats-officedocument.presentationml.notesSlide+xml"/>
  <Override PartName="/ppt/tags/tag2.xml" ContentType="application/vnd.openxmlformats-officedocument.presentationml.tags+xml"/>
  <Override PartName="/ppt/notesSlides/notesSlide3.xml" ContentType="application/vnd.openxmlformats-officedocument.presentationml.notesSlide+xml"/>
  <Override PartName="/ppt/tags/tag3.xml" ContentType="application/vnd.openxmlformats-officedocument.presentationml.tags+xml"/>
  <Override PartName="/ppt/notesSlides/notesSlide4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4.xml" ContentType="application/vnd.openxmlformats-officedocument.presentationml.tags+xml"/>
  <Override PartName="/ppt/notesSlides/notesSlide5.xml" ContentType="application/vnd.openxmlformats-officedocument.presentationml.notesSlid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tags/tag5.xml" ContentType="application/vnd.openxmlformats-officedocument.presentationml.tags+xml"/>
  <Override PartName="/ppt/notesSlides/notesSlide6.xml" ContentType="application/vnd.openxmlformats-officedocument.presentationml.notesSlide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tags/tag6.xml" ContentType="application/vnd.openxmlformats-officedocument.presentationml.tags+xml"/>
  <Override PartName="/ppt/notesSlides/notesSlide7.xml" ContentType="application/vnd.openxmlformats-officedocument.presentationml.notesSlide+xml"/>
  <Override PartName="/ppt/diagrams/data4.xml" ContentType="application/vnd.openxmlformats-officedocument.drawingml.diagramData+xml"/>
  <Override PartName="/ppt/diagrams/layout4.xml" ContentType="application/vnd.openxmlformats-officedocument.drawingml.diagramLayout+xml"/>
  <Override PartName="/ppt/diagrams/quickStyle4.xml" ContentType="application/vnd.openxmlformats-officedocument.drawingml.diagramStyle+xml"/>
  <Override PartName="/ppt/diagrams/colors4.xml" ContentType="application/vnd.openxmlformats-officedocument.drawingml.diagramColors+xml"/>
  <Override PartName="/ppt/diagrams/drawing4.xml" ContentType="application/vnd.ms-office.drawingml.diagramDrawing+xml"/>
  <Override PartName="/ppt/tags/tag7.xml" ContentType="application/vnd.openxmlformats-officedocument.presentationml.tags+xml"/>
  <Override PartName="/ppt/notesSlides/notesSlide8.xml" ContentType="application/vnd.openxmlformats-officedocument.presentationml.notesSlide+xml"/>
  <Override PartName="/ppt/diagrams/data5.xml" ContentType="application/vnd.openxmlformats-officedocument.drawingml.diagramData+xml"/>
  <Override PartName="/ppt/diagrams/layout5.xml" ContentType="application/vnd.openxmlformats-officedocument.drawingml.diagramLayout+xml"/>
  <Override PartName="/ppt/diagrams/quickStyle5.xml" ContentType="application/vnd.openxmlformats-officedocument.drawingml.diagramStyle+xml"/>
  <Override PartName="/ppt/diagrams/colors5.xml" ContentType="application/vnd.openxmlformats-officedocument.drawingml.diagramColors+xml"/>
  <Override PartName="/ppt/diagrams/drawing5.xml" ContentType="application/vnd.ms-office.drawingml.diagramDrawing+xml"/>
  <Override PartName="/ppt/tags/tag8.xml" ContentType="application/vnd.openxmlformats-officedocument.presentationml.tags+xml"/>
  <Override PartName="/ppt/notesSlides/notesSlide9.xml" ContentType="application/vnd.openxmlformats-officedocument.presentationml.notesSlide+xml"/>
  <Override PartName="/ppt/diagrams/data6.xml" ContentType="application/vnd.openxmlformats-officedocument.drawingml.diagramData+xml"/>
  <Override PartName="/ppt/diagrams/layout6.xml" ContentType="application/vnd.openxmlformats-officedocument.drawingml.diagramLayout+xml"/>
  <Override PartName="/ppt/diagrams/quickStyle6.xml" ContentType="application/vnd.openxmlformats-officedocument.drawingml.diagramStyle+xml"/>
  <Override PartName="/ppt/diagrams/colors6.xml" ContentType="application/vnd.openxmlformats-officedocument.drawingml.diagramColors+xml"/>
  <Override PartName="/ppt/diagrams/drawing6.xml" ContentType="application/vnd.ms-office.drawingml.diagramDrawing+xml"/>
  <Override PartName="/ppt/tags/tag9.xml" ContentType="application/vnd.openxmlformats-officedocument.presentationml.tags+xml"/>
  <Override PartName="/ppt/notesSlides/notesSlide10.xml" ContentType="application/vnd.openxmlformats-officedocument.presentationml.notesSlide+xml"/>
  <Override PartName="/ppt/diagrams/data7.xml" ContentType="application/vnd.openxmlformats-officedocument.drawingml.diagramData+xml"/>
  <Override PartName="/ppt/diagrams/layout7.xml" ContentType="application/vnd.openxmlformats-officedocument.drawingml.diagramLayout+xml"/>
  <Override PartName="/ppt/diagrams/quickStyle7.xml" ContentType="application/vnd.openxmlformats-officedocument.drawingml.diagramStyle+xml"/>
  <Override PartName="/ppt/diagrams/colors7.xml" ContentType="application/vnd.openxmlformats-officedocument.drawingml.diagramColors+xml"/>
  <Override PartName="/ppt/diagrams/drawing7.xml" ContentType="application/vnd.ms-office.drawingml.diagramDrawing+xml"/>
  <Override PartName="/ppt/tags/tag10.xml" ContentType="application/vnd.openxmlformats-officedocument.presentationml.tags+xml"/>
  <Override PartName="/ppt/notesSlides/notesSlide11.xml" ContentType="application/vnd.openxmlformats-officedocument.presentationml.notesSlide+xml"/>
  <Override PartName="/ppt/diagrams/data8.xml" ContentType="application/vnd.openxmlformats-officedocument.drawingml.diagramData+xml"/>
  <Override PartName="/ppt/diagrams/layout8.xml" ContentType="application/vnd.openxmlformats-officedocument.drawingml.diagramLayout+xml"/>
  <Override PartName="/ppt/diagrams/quickStyle8.xml" ContentType="application/vnd.openxmlformats-officedocument.drawingml.diagramStyle+xml"/>
  <Override PartName="/ppt/diagrams/colors8.xml" ContentType="application/vnd.openxmlformats-officedocument.drawingml.diagramColors+xml"/>
  <Override PartName="/ppt/diagrams/drawing8.xml" ContentType="application/vnd.ms-office.drawingml.diagramDrawing+xml"/>
  <Override PartName="/ppt/tags/tag11.xml" ContentType="application/vnd.openxmlformats-officedocument.presentationml.tags+xml"/>
  <Override PartName="/ppt/notesSlides/notesSlide12.xml" ContentType="application/vnd.openxmlformats-officedocument.presentationml.notesSlide+xml"/>
  <Override PartName="/ppt/diagrams/data9.xml" ContentType="application/vnd.openxmlformats-officedocument.drawingml.diagramData+xml"/>
  <Override PartName="/ppt/diagrams/layout9.xml" ContentType="application/vnd.openxmlformats-officedocument.drawingml.diagramLayout+xml"/>
  <Override PartName="/ppt/diagrams/quickStyle9.xml" ContentType="application/vnd.openxmlformats-officedocument.drawingml.diagramStyle+xml"/>
  <Override PartName="/ppt/diagrams/colors9.xml" ContentType="application/vnd.openxmlformats-officedocument.drawingml.diagramColors+xml"/>
  <Override PartName="/ppt/diagrams/drawing9.xml" ContentType="application/vnd.ms-office.drawingml.diagramDrawing+xml"/>
  <Override PartName="/ppt/tags/tag12.xml" ContentType="application/vnd.openxmlformats-officedocument.presentationml.tags+xml"/>
  <Override PartName="/ppt/notesSlides/notesSlide13.xml" ContentType="application/vnd.openxmlformats-officedocument.presentationml.notesSlide+xml"/>
  <Override PartName="/ppt/diagrams/data10.xml" ContentType="application/vnd.openxmlformats-officedocument.drawingml.diagramData+xml"/>
  <Override PartName="/ppt/diagrams/layout10.xml" ContentType="application/vnd.openxmlformats-officedocument.drawingml.diagramLayout+xml"/>
  <Override PartName="/ppt/diagrams/quickStyle10.xml" ContentType="application/vnd.openxmlformats-officedocument.drawingml.diagramStyle+xml"/>
  <Override PartName="/ppt/diagrams/colors10.xml" ContentType="application/vnd.openxmlformats-officedocument.drawingml.diagramColors+xml"/>
  <Override PartName="/ppt/diagrams/drawing10.xml" ContentType="application/vnd.ms-office.drawingml.diagramDrawing+xml"/>
  <Override PartName="/ppt/notesSlides/notesSlide1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50" r:id="rId1"/>
  </p:sldMasterIdLst>
  <p:notesMasterIdLst>
    <p:notesMasterId r:id="rId19"/>
  </p:notesMasterIdLst>
  <p:handoutMasterIdLst>
    <p:handoutMasterId r:id="rId20"/>
  </p:handoutMasterIdLst>
  <p:sldIdLst>
    <p:sldId id="328" r:id="rId2"/>
    <p:sldId id="483" r:id="rId3"/>
    <p:sldId id="484" r:id="rId4"/>
    <p:sldId id="407" r:id="rId5"/>
    <p:sldId id="462" r:id="rId6"/>
    <p:sldId id="414" r:id="rId7"/>
    <p:sldId id="467" r:id="rId8"/>
    <p:sldId id="468" r:id="rId9"/>
    <p:sldId id="470" r:id="rId10"/>
    <p:sldId id="471" r:id="rId11"/>
    <p:sldId id="472" r:id="rId12"/>
    <p:sldId id="473" r:id="rId13"/>
    <p:sldId id="474" r:id="rId14"/>
    <p:sldId id="475" r:id="rId15"/>
    <p:sldId id="476" r:id="rId16"/>
    <p:sldId id="477" r:id="rId17"/>
    <p:sldId id="487" r:id="rId18"/>
  </p:sldIdLst>
  <p:sldSz cx="9144000" cy="6858000" type="screen4x3"/>
  <p:notesSz cx="7077075" cy="9004300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Arial" charset="0"/>
      </a:defRPr>
    </a:lvl1pPr>
    <a:lvl2pPr marL="4572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Arial" charset="0"/>
      </a:defRPr>
    </a:lvl2pPr>
    <a:lvl3pPr marL="9144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Arial" charset="0"/>
      </a:defRPr>
    </a:lvl3pPr>
    <a:lvl4pPr marL="13716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Arial" charset="0"/>
      </a:defRPr>
    </a:lvl4pPr>
    <a:lvl5pPr marL="1828800" algn="l" rtl="0" fontAlgn="base">
      <a:spcBef>
        <a:spcPct val="0"/>
      </a:spcBef>
      <a:spcAft>
        <a:spcPct val="0"/>
      </a:spcAft>
      <a:defRPr sz="2000"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Arial" charset="0"/>
      </a:defRPr>
    </a:lvl6pPr>
    <a:lvl7pPr marL="27432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Arial" charset="0"/>
      </a:defRPr>
    </a:lvl7pPr>
    <a:lvl8pPr marL="32004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Arial" charset="0"/>
      </a:defRPr>
    </a:lvl8pPr>
    <a:lvl9pPr marL="3657600" algn="l" defTabSz="914400" rtl="0" eaLnBrk="1" latinLnBrk="0" hangingPunct="1">
      <a:defRPr sz="2000" kern="1200">
        <a:solidFill>
          <a:schemeClr val="tx1"/>
        </a:solidFill>
        <a:latin typeface="Arial" charset="0"/>
        <a:ea typeface="+mn-ea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83A3DB"/>
    <a:srgbClr val="ABD9FF"/>
    <a:srgbClr val="A3D5FF"/>
    <a:srgbClr val="98B0DF"/>
    <a:srgbClr val="6E96D8"/>
    <a:srgbClr val="578AD5"/>
    <a:srgbClr val="417FD3"/>
    <a:srgbClr val="2C75CE"/>
    <a:srgbClr val="256DBC"/>
    <a:srgbClr val="8D42C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3551" autoAdjust="0"/>
    <p:restoredTop sz="87831" autoAdjust="0"/>
  </p:normalViewPr>
  <p:slideViewPr>
    <p:cSldViewPr snapToGrid="0">
      <p:cViewPr>
        <p:scale>
          <a:sx n="69" d="100"/>
          <a:sy n="69" d="100"/>
        </p:scale>
        <p:origin x="-570" y="336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3" Type="http://schemas.openxmlformats.org/officeDocument/2006/relationships/slide" Target="slides/slide2.xml"/><Relationship Id="rId21" Type="http://schemas.openxmlformats.org/officeDocument/2006/relationships/presProps" Target="presProp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handoutMaster" Target="handoutMasters/handout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tableStyles" Target="tableStyle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theme" Target="theme/theme1.xml"/><Relationship Id="rId10" Type="http://schemas.openxmlformats.org/officeDocument/2006/relationships/slide" Target="slides/slide9.xml"/><Relationship Id="rId19" Type="http://schemas.openxmlformats.org/officeDocument/2006/relationships/notesMaster" Target="notesMasters/notesMaster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viewProps" Target="viewProps.xml"/></Relationships>
</file>

<file path=ppt/diagrams/_rels/data3.xml.rels><?xml version="1.0" encoding="UTF-8" standalone="yes"?>
<Relationships xmlns="http://schemas.openxmlformats.org/package/2006/relationships"><Relationship Id="rId1" Type="http://schemas.openxmlformats.org/officeDocument/2006/relationships/image" Target="../media/image21.png"/></Relationships>
</file>

<file path=ppt/diagrams/_rels/drawing3.xml.rels><?xml version="1.0" encoding="UTF-8" standalone="yes"?>
<Relationships xmlns="http://schemas.openxmlformats.org/package/2006/relationships"><Relationship Id="rId1" Type="http://schemas.openxmlformats.org/officeDocument/2006/relationships/image" Target="../media/image21.png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0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4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5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6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7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8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9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pPr algn="l"/>
          <a:endParaRPr lang="es-SV" dirty="0" smtClean="0"/>
        </a:p>
        <a:p>
          <a:pPr algn="l"/>
          <a:endParaRPr lang="es-SV" dirty="0" smtClean="0"/>
        </a:p>
        <a:p>
          <a:pPr algn="l"/>
          <a:endParaRPr lang="es-SV" dirty="0" smtClean="0"/>
        </a:p>
        <a:p>
          <a:pPr algn="ctr"/>
          <a:endParaRPr lang="es-SV" dirty="0" smtClean="0"/>
        </a:p>
        <a:p>
          <a:pPr algn="ctr"/>
          <a:r>
            <a:rPr lang="es-SV" dirty="0" smtClean="0"/>
            <a:t>Sistema de inmigración regional</a:t>
          </a:r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/>
      <dgm:spPr/>
      <dgm:t>
        <a:bodyPr/>
        <a:lstStyle/>
        <a:p>
          <a:pPr algn="just"/>
          <a:endParaRPr lang="es-SV" b="1" dirty="0" smtClean="0"/>
        </a:p>
        <a:p>
          <a:pPr algn="just"/>
          <a:r>
            <a:rPr lang="es-SV" b="1" dirty="0" smtClean="0"/>
            <a:t>El sistema de visados</a:t>
          </a:r>
          <a:r>
            <a:rPr lang="es-SV" dirty="0" smtClean="0"/>
            <a:t>: Se definirán los protocolos, procedimientos y mecanismos para la armonización de los requisitos para el otorgamiento de visa en la región. </a:t>
          </a:r>
          <a:endParaRPr lang="es-SV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/>
      <dgm:spPr/>
      <dgm:t>
        <a:bodyPr/>
        <a:lstStyle/>
        <a:p>
          <a:pPr algn="just"/>
          <a:r>
            <a:rPr lang="es-SV" b="1" dirty="0" smtClean="0"/>
            <a:t>El intercambio de la información</a:t>
          </a:r>
          <a:r>
            <a:rPr lang="es-SV" dirty="0" smtClean="0"/>
            <a:t>: se desarrollarán aplicaciones informáticas, a través del establecimiento de criterios para el intercambio de información migratoria y las estadísticas regionales, que protejan y aseguren la confidencialidad de la información y de los datos.</a:t>
          </a:r>
          <a:endParaRPr lang="es-SV" dirty="0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FC2D70DE-26A9-4CFF-935A-A287881E1B06}">
      <dgm:prSet phldrT="[Texto]"/>
      <dgm:spPr/>
      <dgm:t>
        <a:bodyPr/>
        <a:lstStyle/>
        <a:p>
          <a:pPr algn="l"/>
          <a:endParaRPr lang="es-SV" b="1" dirty="0" smtClean="0"/>
        </a:p>
        <a:p>
          <a:pPr algn="just"/>
          <a:r>
            <a:rPr lang="es-SV" b="1" dirty="0" smtClean="0"/>
            <a:t>La armonización de tramites</a:t>
          </a:r>
          <a:r>
            <a:rPr lang="es-SV" dirty="0" smtClean="0"/>
            <a:t>: se definirán las áreas de acción que se deban armonizar.</a:t>
          </a:r>
          <a:endParaRPr lang="es-SV" dirty="0"/>
        </a:p>
      </dgm:t>
    </dgm:pt>
    <dgm:pt modelId="{63C817B2-5310-456B-A806-6989B32BC762}" type="parTrans" cxnId="{0FC7AACF-0363-477C-9A23-E505011AE07C}">
      <dgm:prSet/>
      <dgm:spPr/>
      <dgm:t>
        <a:bodyPr/>
        <a:lstStyle/>
        <a:p>
          <a:endParaRPr lang="es-SV"/>
        </a:p>
      </dgm:t>
    </dgm:pt>
    <dgm:pt modelId="{EA40FB3B-1CE5-4F9A-8CBB-D7CA87CB73BF}" type="sibTrans" cxnId="{0FC7AACF-0363-477C-9A23-E505011AE07C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4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4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3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4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3"/>
      <dgm:spPr/>
    </dgm:pt>
    <dgm:pt modelId="{FC474FBE-766A-45B5-8471-916952EC4A87}" type="pres">
      <dgm:prSet presAssocID="{46BC4F50-650E-4DC9-9B77-26D3628504FC}" presName="vertSpace2b" presStyleCnt="0"/>
      <dgm:spPr/>
    </dgm:pt>
    <dgm:pt modelId="{0FF19502-9516-4625-85C9-ABA7194CD71B}" type="pres">
      <dgm:prSet presAssocID="{FC2D70DE-26A9-4CFF-935A-A287881E1B06}" presName="horz2" presStyleCnt="0"/>
      <dgm:spPr/>
    </dgm:pt>
    <dgm:pt modelId="{046F96E9-6048-4E7E-A7A2-A6B21D83A001}" type="pres">
      <dgm:prSet presAssocID="{FC2D70DE-26A9-4CFF-935A-A287881E1B06}" presName="horzSpace2" presStyleCnt="0"/>
      <dgm:spPr/>
    </dgm:pt>
    <dgm:pt modelId="{273A3610-A19C-4D35-85F9-255272B3A2DA}" type="pres">
      <dgm:prSet presAssocID="{FC2D70DE-26A9-4CFF-935A-A287881E1B06}" presName="tx2" presStyleLbl="revTx" presStyleIdx="3" presStyleCnt="4"/>
      <dgm:spPr/>
      <dgm:t>
        <a:bodyPr/>
        <a:lstStyle/>
        <a:p>
          <a:endParaRPr lang="es-SV"/>
        </a:p>
      </dgm:t>
    </dgm:pt>
    <dgm:pt modelId="{D95A355F-54F7-4AAD-8754-F51BE113FE76}" type="pres">
      <dgm:prSet presAssocID="{FC2D70DE-26A9-4CFF-935A-A287881E1B06}" presName="vert2" presStyleCnt="0"/>
      <dgm:spPr/>
    </dgm:pt>
    <dgm:pt modelId="{5E6C983D-1A9E-491C-8F17-7A1DA34F6A64}" type="pres">
      <dgm:prSet presAssocID="{FC2D70DE-26A9-4CFF-935A-A287881E1B06}" presName="thinLine2b" presStyleLbl="callout" presStyleIdx="2" presStyleCnt="3"/>
      <dgm:spPr/>
    </dgm:pt>
    <dgm:pt modelId="{C6BEB2D9-160F-4A71-8644-25A950E51FFE}" type="pres">
      <dgm:prSet presAssocID="{FC2D70DE-26A9-4CFF-935A-A287881E1B06}" presName="vertSpace2b" presStyleCnt="0"/>
      <dgm:spPr/>
    </dgm:pt>
  </dgm:ptLst>
  <dgm:cxnLst>
    <dgm:cxn modelId="{5BAD786B-374F-40F5-A42C-7343ABE21997}" type="presOf" srcId="{FC2D70DE-26A9-4CFF-935A-A287881E1B06}" destId="{273A3610-A19C-4D35-85F9-255272B3A2DA}" srcOrd="0" destOrd="0" presId="urn:microsoft.com/office/officeart/2008/layout/LinedList"/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0FC7AACF-0363-477C-9A23-E505011AE07C}" srcId="{F35B2D95-A3AF-4812-B643-BA93D934E42E}" destId="{FC2D70DE-26A9-4CFF-935A-A287881E1B06}" srcOrd="2" destOrd="0" parTransId="{63C817B2-5310-456B-A806-6989B32BC762}" sibTransId="{EA40FB3B-1CE5-4F9A-8CBB-D7CA87CB73BF}"/>
    <dgm:cxn modelId="{4F1C13CB-5B3E-4573-9A8C-AAB57317F7CE}" type="presOf" srcId="{46BC4F50-650E-4DC9-9B77-26D3628504FC}" destId="{3456ED2F-5CF9-4C53-9C02-348EF2AD7AF7}" srcOrd="0" destOrd="0" presId="urn:microsoft.com/office/officeart/2008/layout/LinedList"/>
    <dgm:cxn modelId="{83ECCFA6-F60F-49CD-B7F5-5438F09A6BF6}" type="presOf" srcId="{1BB5CF12-EACB-4650-A013-978816234BDA}" destId="{20504647-3379-4068-9767-807CA616E1BF}" srcOrd="0" destOrd="0" presId="urn:microsoft.com/office/officeart/2008/layout/LinedList"/>
    <dgm:cxn modelId="{AA7C6216-F597-42AE-B701-1881D0771201}" type="presOf" srcId="{353A9C7E-FECD-4B59-A206-16844DAFF353}" destId="{EF5BC22F-E781-4212-8417-3BACFCA045FC}" srcOrd="0" destOrd="0" presId="urn:microsoft.com/office/officeart/2008/layout/LinedList"/>
    <dgm:cxn modelId="{4AD02831-91E5-4C66-AC78-56A73275234E}" type="presOf" srcId="{F35B2D95-A3AF-4812-B643-BA93D934E42E}" destId="{14DAED6B-C269-4980-96C0-945025A53724}" srcOrd="0" destOrd="0" presId="urn:microsoft.com/office/officeart/2008/layout/LinedList"/>
    <dgm:cxn modelId="{C7535E59-EAF5-4041-94E1-93C8BF24B9A8}" type="presParOf" srcId="{EF5BC22F-E781-4212-8417-3BACFCA045FC}" destId="{7DEA9256-655F-4243-A242-1C9E9FB3FAF7}" srcOrd="0" destOrd="0" presId="urn:microsoft.com/office/officeart/2008/layout/LinedList"/>
    <dgm:cxn modelId="{E6E78A86-2CF7-488D-8DAE-86C1BED084E5}" type="presParOf" srcId="{EF5BC22F-E781-4212-8417-3BACFCA045FC}" destId="{9FCF0CA8-8CB3-4AE7-AECC-3C79B414A0E8}" srcOrd="1" destOrd="0" presId="urn:microsoft.com/office/officeart/2008/layout/LinedList"/>
    <dgm:cxn modelId="{6AC01023-C308-463A-BB05-58831C8C047A}" type="presParOf" srcId="{9FCF0CA8-8CB3-4AE7-AECC-3C79B414A0E8}" destId="{14DAED6B-C269-4980-96C0-945025A53724}" srcOrd="0" destOrd="0" presId="urn:microsoft.com/office/officeart/2008/layout/LinedList"/>
    <dgm:cxn modelId="{2D98C921-2552-4063-9B2A-A004CBEAF5ED}" type="presParOf" srcId="{9FCF0CA8-8CB3-4AE7-AECC-3C79B414A0E8}" destId="{CEB4F45C-F637-444A-8D81-CC9F599378A8}" srcOrd="1" destOrd="0" presId="urn:microsoft.com/office/officeart/2008/layout/LinedList"/>
    <dgm:cxn modelId="{5D6A5AC4-00E6-4471-B274-A60580020A88}" type="presParOf" srcId="{CEB4F45C-F637-444A-8D81-CC9F599378A8}" destId="{755D6BF9-A1F9-4B88-B68C-73E718742B06}" srcOrd="0" destOrd="0" presId="urn:microsoft.com/office/officeart/2008/layout/LinedList"/>
    <dgm:cxn modelId="{E88A60C4-532B-4629-A30E-1FA38C947DD2}" type="presParOf" srcId="{CEB4F45C-F637-444A-8D81-CC9F599378A8}" destId="{02BC398D-68F4-439C-B3A5-B8DF859C8ADA}" srcOrd="1" destOrd="0" presId="urn:microsoft.com/office/officeart/2008/layout/LinedList"/>
    <dgm:cxn modelId="{84E217F3-FECD-46C5-B6E9-89A1404B5B83}" type="presParOf" srcId="{02BC398D-68F4-439C-B3A5-B8DF859C8ADA}" destId="{DE929518-0522-4917-921F-EDB342E8C2A2}" srcOrd="0" destOrd="0" presId="urn:microsoft.com/office/officeart/2008/layout/LinedList"/>
    <dgm:cxn modelId="{69A4C5FC-D959-4C71-9EB9-B442C7DE28EB}" type="presParOf" srcId="{02BC398D-68F4-439C-B3A5-B8DF859C8ADA}" destId="{20504647-3379-4068-9767-807CA616E1BF}" srcOrd="1" destOrd="0" presId="urn:microsoft.com/office/officeart/2008/layout/LinedList"/>
    <dgm:cxn modelId="{C3A3C9A7-0F51-4AA9-87DF-4C923EFCBDC1}" type="presParOf" srcId="{02BC398D-68F4-439C-B3A5-B8DF859C8ADA}" destId="{5E6C99A0-C189-4233-8F43-D90AC39B23B3}" srcOrd="2" destOrd="0" presId="urn:microsoft.com/office/officeart/2008/layout/LinedList"/>
    <dgm:cxn modelId="{5B35B595-8CA0-4FDC-A249-7FA1F9F5EA32}" type="presParOf" srcId="{CEB4F45C-F637-444A-8D81-CC9F599378A8}" destId="{FF669980-7C13-4707-8929-75215C13F802}" srcOrd="2" destOrd="0" presId="urn:microsoft.com/office/officeart/2008/layout/LinedList"/>
    <dgm:cxn modelId="{5E785C4A-850C-40DD-9109-2A605BDB8276}" type="presParOf" srcId="{CEB4F45C-F637-444A-8D81-CC9F599378A8}" destId="{4125B2DB-22AC-46E2-846C-20BA2E400AE1}" srcOrd="3" destOrd="0" presId="urn:microsoft.com/office/officeart/2008/layout/LinedList"/>
    <dgm:cxn modelId="{220EC157-B350-4902-A060-193FE5DD5AAD}" type="presParOf" srcId="{CEB4F45C-F637-444A-8D81-CC9F599378A8}" destId="{45A27120-D679-4BEE-9B09-C6264AA184AF}" srcOrd="4" destOrd="0" presId="urn:microsoft.com/office/officeart/2008/layout/LinedList"/>
    <dgm:cxn modelId="{28E185F1-6F28-4B70-B290-5F575465949C}" type="presParOf" srcId="{45A27120-D679-4BEE-9B09-C6264AA184AF}" destId="{82832DCB-083A-48E2-B2DE-94B14047196B}" srcOrd="0" destOrd="0" presId="urn:microsoft.com/office/officeart/2008/layout/LinedList"/>
    <dgm:cxn modelId="{2BC826FD-B25F-4087-BE61-58AE40636610}" type="presParOf" srcId="{45A27120-D679-4BEE-9B09-C6264AA184AF}" destId="{3456ED2F-5CF9-4C53-9C02-348EF2AD7AF7}" srcOrd="1" destOrd="0" presId="urn:microsoft.com/office/officeart/2008/layout/LinedList"/>
    <dgm:cxn modelId="{44BEDAFD-2BC6-4794-A8FD-FA17ED6872F3}" type="presParOf" srcId="{45A27120-D679-4BEE-9B09-C6264AA184AF}" destId="{51FC46D8-A0B1-476E-857A-8C7C5774843C}" srcOrd="2" destOrd="0" presId="urn:microsoft.com/office/officeart/2008/layout/LinedList"/>
    <dgm:cxn modelId="{220D7246-A219-4D84-B548-7590E867229E}" type="presParOf" srcId="{CEB4F45C-F637-444A-8D81-CC9F599378A8}" destId="{6C47995F-C2E7-4F2A-A402-347DCC6F67D8}" srcOrd="5" destOrd="0" presId="urn:microsoft.com/office/officeart/2008/layout/LinedList"/>
    <dgm:cxn modelId="{91F5FAE8-03C6-4FA6-8FCC-A73CE0B14C0D}" type="presParOf" srcId="{CEB4F45C-F637-444A-8D81-CC9F599378A8}" destId="{FC474FBE-766A-45B5-8471-916952EC4A87}" srcOrd="6" destOrd="0" presId="urn:microsoft.com/office/officeart/2008/layout/LinedList"/>
    <dgm:cxn modelId="{590C1F6D-379F-4284-A963-ED82DA37E5E1}" type="presParOf" srcId="{CEB4F45C-F637-444A-8D81-CC9F599378A8}" destId="{0FF19502-9516-4625-85C9-ABA7194CD71B}" srcOrd="7" destOrd="0" presId="urn:microsoft.com/office/officeart/2008/layout/LinedList"/>
    <dgm:cxn modelId="{B7CEB7D1-C74C-4079-AF1B-64ADF0A8EEEC}" type="presParOf" srcId="{0FF19502-9516-4625-85C9-ABA7194CD71B}" destId="{046F96E9-6048-4E7E-A7A2-A6B21D83A001}" srcOrd="0" destOrd="0" presId="urn:microsoft.com/office/officeart/2008/layout/LinedList"/>
    <dgm:cxn modelId="{916BF235-1025-4254-82EB-4253B5AE0C5C}" type="presParOf" srcId="{0FF19502-9516-4625-85C9-ABA7194CD71B}" destId="{273A3610-A19C-4D35-85F9-255272B3A2DA}" srcOrd="1" destOrd="0" presId="urn:microsoft.com/office/officeart/2008/layout/LinedList"/>
    <dgm:cxn modelId="{E29C5C9E-F27D-447D-8A8C-D460FD945257}" type="presParOf" srcId="{0FF19502-9516-4625-85C9-ABA7194CD71B}" destId="{D95A355F-54F7-4AAD-8754-F51BE113FE76}" srcOrd="2" destOrd="0" presId="urn:microsoft.com/office/officeart/2008/layout/LinedList"/>
    <dgm:cxn modelId="{14EE5534-E724-45ED-89BB-E5CB4EC781E6}" type="presParOf" srcId="{CEB4F45C-F637-444A-8D81-CC9F599378A8}" destId="{5E6C983D-1A9E-491C-8F17-7A1DA34F6A64}" srcOrd="8" destOrd="0" presId="urn:microsoft.com/office/officeart/2008/layout/LinedList"/>
    <dgm:cxn modelId="{6A25E083-1254-4257-8BFB-3DB21D840B70}" type="presParOf" srcId="{CEB4F45C-F637-444A-8D81-CC9F599378A8}" destId="{C6BEB2D9-160F-4A71-8644-25A950E51FFE}" srcOrd="9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10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endParaRPr lang="es-SV" dirty="0" smtClean="0"/>
        </a:p>
        <a:p>
          <a:endParaRPr lang="es-SV" dirty="0" smtClean="0"/>
        </a:p>
        <a:p>
          <a:endParaRPr lang="es-SV" dirty="0" smtClean="0"/>
        </a:p>
        <a:p>
          <a:endParaRPr lang="es-SV" dirty="0" smtClean="0"/>
        </a:p>
        <a:p>
          <a:r>
            <a:rPr lang="es-SV" dirty="0" smtClean="0"/>
            <a:t>Turismo</a:t>
          </a:r>
        </a:p>
        <a:p>
          <a:endParaRPr lang="es-SV" dirty="0"/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/>
      <dgm:spPr/>
      <dgm:t>
        <a:bodyPr/>
        <a:lstStyle/>
        <a:p>
          <a:endParaRPr lang="es-SV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/>
      <dgm:spPr/>
      <dgm:t>
        <a:bodyPr/>
        <a:lstStyle/>
        <a:p>
          <a:pPr algn="just"/>
          <a:r>
            <a:rPr lang="es-SV" dirty="0" smtClean="0"/>
            <a:t>Turismo y libre movilidad: Se facilitará el ingreso de los turistas a través de la correlación interinstitucional con el objeto de modernizar los controles migratorios a través del uso de herramientas de información tecnológica.</a:t>
          </a:r>
          <a:endParaRPr lang="es-SV" dirty="0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FC2D70DE-26A9-4CFF-935A-A287881E1B06}">
      <dgm:prSet phldrT="[Texto]"/>
      <dgm:spPr/>
      <dgm:t>
        <a:bodyPr/>
        <a:lstStyle/>
        <a:p>
          <a:endParaRPr lang="es-SV" dirty="0"/>
        </a:p>
      </dgm:t>
    </dgm:pt>
    <dgm:pt modelId="{63C817B2-5310-456B-A806-6989B32BC762}" type="parTrans" cxnId="{0FC7AACF-0363-477C-9A23-E505011AE07C}">
      <dgm:prSet/>
      <dgm:spPr/>
      <dgm:t>
        <a:bodyPr/>
        <a:lstStyle/>
        <a:p>
          <a:endParaRPr lang="es-SV"/>
        </a:p>
      </dgm:t>
    </dgm:pt>
    <dgm:pt modelId="{EA40FB3B-1CE5-4F9A-8CBB-D7CA87CB73BF}" type="sibTrans" cxnId="{0FC7AACF-0363-477C-9A23-E505011AE07C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4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4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3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4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3"/>
      <dgm:spPr/>
    </dgm:pt>
    <dgm:pt modelId="{FC474FBE-766A-45B5-8471-916952EC4A87}" type="pres">
      <dgm:prSet presAssocID="{46BC4F50-650E-4DC9-9B77-26D3628504FC}" presName="vertSpace2b" presStyleCnt="0"/>
      <dgm:spPr/>
    </dgm:pt>
    <dgm:pt modelId="{0FF19502-9516-4625-85C9-ABA7194CD71B}" type="pres">
      <dgm:prSet presAssocID="{FC2D70DE-26A9-4CFF-935A-A287881E1B06}" presName="horz2" presStyleCnt="0"/>
      <dgm:spPr/>
    </dgm:pt>
    <dgm:pt modelId="{046F96E9-6048-4E7E-A7A2-A6B21D83A001}" type="pres">
      <dgm:prSet presAssocID="{FC2D70DE-26A9-4CFF-935A-A287881E1B06}" presName="horzSpace2" presStyleCnt="0"/>
      <dgm:spPr/>
    </dgm:pt>
    <dgm:pt modelId="{273A3610-A19C-4D35-85F9-255272B3A2DA}" type="pres">
      <dgm:prSet presAssocID="{FC2D70DE-26A9-4CFF-935A-A287881E1B06}" presName="tx2" presStyleLbl="revTx" presStyleIdx="3" presStyleCnt="4"/>
      <dgm:spPr/>
      <dgm:t>
        <a:bodyPr/>
        <a:lstStyle/>
        <a:p>
          <a:endParaRPr lang="es-SV"/>
        </a:p>
      </dgm:t>
    </dgm:pt>
    <dgm:pt modelId="{D95A355F-54F7-4AAD-8754-F51BE113FE76}" type="pres">
      <dgm:prSet presAssocID="{FC2D70DE-26A9-4CFF-935A-A287881E1B06}" presName="vert2" presStyleCnt="0"/>
      <dgm:spPr/>
    </dgm:pt>
    <dgm:pt modelId="{5E6C983D-1A9E-491C-8F17-7A1DA34F6A64}" type="pres">
      <dgm:prSet presAssocID="{FC2D70DE-26A9-4CFF-935A-A287881E1B06}" presName="thinLine2b" presStyleLbl="callout" presStyleIdx="2" presStyleCnt="3"/>
      <dgm:spPr/>
    </dgm:pt>
    <dgm:pt modelId="{C6BEB2D9-160F-4A71-8644-25A950E51FFE}" type="pres">
      <dgm:prSet presAssocID="{FC2D70DE-26A9-4CFF-935A-A287881E1B06}" presName="vertSpace2b" presStyleCnt="0"/>
      <dgm:spPr/>
    </dgm:pt>
  </dgm:ptLst>
  <dgm:cxnLst>
    <dgm:cxn modelId="{261E6A61-E3E1-4973-A30B-DDA9CB5A8EBC}" type="presOf" srcId="{1BB5CF12-EACB-4650-A013-978816234BDA}" destId="{20504647-3379-4068-9767-807CA616E1BF}" srcOrd="0" destOrd="0" presId="urn:microsoft.com/office/officeart/2008/layout/LinedList"/>
    <dgm:cxn modelId="{E33E092A-93D0-4462-88CE-CC1436ABB4AD}" type="presOf" srcId="{46BC4F50-650E-4DC9-9B77-26D3628504FC}" destId="{3456ED2F-5CF9-4C53-9C02-348EF2AD7AF7}" srcOrd="0" destOrd="0" presId="urn:microsoft.com/office/officeart/2008/layout/LinedList"/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4111302A-E9A8-49BC-8DE4-EFA210289C7E}" type="presOf" srcId="{F35B2D95-A3AF-4812-B643-BA93D934E42E}" destId="{14DAED6B-C269-4980-96C0-945025A53724}" srcOrd="0" destOrd="0" presId="urn:microsoft.com/office/officeart/2008/layout/LinedList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092675DC-9722-4F19-8BDD-03857BE98E5D}" type="presOf" srcId="{353A9C7E-FECD-4B59-A206-16844DAFF353}" destId="{EF5BC22F-E781-4212-8417-3BACFCA045FC}" srcOrd="0" destOrd="0" presId="urn:microsoft.com/office/officeart/2008/layout/LinedList"/>
    <dgm:cxn modelId="{0FC7AACF-0363-477C-9A23-E505011AE07C}" srcId="{F35B2D95-A3AF-4812-B643-BA93D934E42E}" destId="{FC2D70DE-26A9-4CFF-935A-A287881E1B06}" srcOrd="2" destOrd="0" parTransId="{63C817B2-5310-456B-A806-6989B32BC762}" sibTransId="{EA40FB3B-1CE5-4F9A-8CBB-D7CA87CB73BF}"/>
    <dgm:cxn modelId="{336464C1-A44A-47E0-90EA-179E3E2A8C32}" type="presOf" srcId="{FC2D70DE-26A9-4CFF-935A-A287881E1B06}" destId="{273A3610-A19C-4D35-85F9-255272B3A2DA}" srcOrd="0" destOrd="0" presId="urn:microsoft.com/office/officeart/2008/layout/LinedList"/>
    <dgm:cxn modelId="{AA591499-5293-4B41-B1C1-88193DBB7261}" type="presParOf" srcId="{EF5BC22F-E781-4212-8417-3BACFCA045FC}" destId="{7DEA9256-655F-4243-A242-1C9E9FB3FAF7}" srcOrd="0" destOrd="0" presId="urn:microsoft.com/office/officeart/2008/layout/LinedList"/>
    <dgm:cxn modelId="{75492DD2-1282-4CD0-AF18-EEB9D055951F}" type="presParOf" srcId="{EF5BC22F-E781-4212-8417-3BACFCA045FC}" destId="{9FCF0CA8-8CB3-4AE7-AECC-3C79B414A0E8}" srcOrd="1" destOrd="0" presId="urn:microsoft.com/office/officeart/2008/layout/LinedList"/>
    <dgm:cxn modelId="{CF6BDAC1-80D0-4C2A-BA1B-6E4DFB0BEC87}" type="presParOf" srcId="{9FCF0CA8-8CB3-4AE7-AECC-3C79B414A0E8}" destId="{14DAED6B-C269-4980-96C0-945025A53724}" srcOrd="0" destOrd="0" presId="urn:microsoft.com/office/officeart/2008/layout/LinedList"/>
    <dgm:cxn modelId="{4EE5468C-6862-4D14-82AF-C7D5D665D8FE}" type="presParOf" srcId="{9FCF0CA8-8CB3-4AE7-AECC-3C79B414A0E8}" destId="{CEB4F45C-F637-444A-8D81-CC9F599378A8}" srcOrd="1" destOrd="0" presId="urn:microsoft.com/office/officeart/2008/layout/LinedList"/>
    <dgm:cxn modelId="{9F9FF5C4-8855-48C4-9A26-CF32CC8CD11A}" type="presParOf" srcId="{CEB4F45C-F637-444A-8D81-CC9F599378A8}" destId="{755D6BF9-A1F9-4B88-B68C-73E718742B06}" srcOrd="0" destOrd="0" presId="urn:microsoft.com/office/officeart/2008/layout/LinedList"/>
    <dgm:cxn modelId="{589E06CA-0415-47BF-9867-37D2A71CFD75}" type="presParOf" srcId="{CEB4F45C-F637-444A-8D81-CC9F599378A8}" destId="{02BC398D-68F4-439C-B3A5-B8DF859C8ADA}" srcOrd="1" destOrd="0" presId="urn:microsoft.com/office/officeart/2008/layout/LinedList"/>
    <dgm:cxn modelId="{C2CB9F07-6BD3-4A29-ACFF-7DAAF7A0643C}" type="presParOf" srcId="{02BC398D-68F4-439C-B3A5-B8DF859C8ADA}" destId="{DE929518-0522-4917-921F-EDB342E8C2A2}" srcOrd="0" destOrd="0" presId="urn:microsoft.com/office/officeart/2008/layout/LinedList"/>
    <dgm:cxn modelId="{D43D9326-EEC2-4609-A016-E90240EADF44}" type="presParOf" srcId="{02BC398D-68F4-439C-B3A5-B8DF859C8ADA}" destId="{20504647-3379-4068-9767-807CA616E1BF}" srcOrd="1" destOrd="0" presId="urn:microsoft.com/office/officeart/2008/layout/LinedList"/>
    <dgm:cxn modelId="{57B3C87D-2791-40C9-92FB-5B84281C51FF}" type="presParOf" srcId="{02BC398D-68F4-439C-B3A5-B8DF859C8ADA}" destId="{5E6C99A0-C189-4233-8F43-D90AC39B23B3}" srcOrd="2" destOrd="0" presId="urn:microsoft.com/office/officeart/2008/layout/LinedList"/>
    <dgm:cxn modelId="{27F1703C-4F74-4EAC-B929-2D9941DA5F24}" type="presParOf" srcId="{CEB4F45C-F637-444A-8D81-CC9F599378A8}" destId="{FF669980-7C13-4707-8929-75215C13F802}" srcOrd="2" destOrd="0" presId="urn:microsoft.com/office/officeart/2008/layout/LinedList"/>
    <dgm:cxn modelId="{47BE1F04-DF06-408F-B048-3B0A77F89818}" type="presParOf" srcId="{CEB4F45C-F637-444A-8D81-CC9F599378A8}" destId="{4125B2DB-22AC-46E2-846C-20BA2E400AE1}" srcOrd="3" destOrd="0" presId="urn:microsoft.com/office/officeart/2008/layout/LinedList"/>
    <dgm:cxn modelId="{8F198118-230E-4DEF-B7E0-5B7064205C07}" type="presParOf" srcId="{CEB4F45C-F637-444A-8D81-CC9F599378A8}" destId="{45A27120-D679-4BEE-9B09-C6264AA184AF}" srcOrd="4" destOrd="0" presId="urn:microsoft.com/office/officeart/2008/layout/LinedList"/>
    <dgm:cxn modelId="{CC1A1164-A7A8-48CA-A1B6-08A552372915}" type="presParOf" srcId="{45A27120-D679-4BEE-9B09-C6264AA184AF}" destId="{82832DCB-083A-48E2-B2DE-94B14047196B}" srcOrd="0" destOrd="0" presId="urn:microsoft.com/office/officeart/2008/layout/LinedList"/>
    <dgm:cxn modelId="{9AB21A97-27DD-4C4C-A0ED-EF753EB7723C}" type="presParOf" srcId="{45A27120-D679-4BEE-9B09-C6264AA184AF}" destId="{3456ED2F-5CF9-4C53-9C02-348EF2AD7AF7}" srcOrd="1" destOrd="0" presId="urn:microsoft.com/office/officeart/2008/layout/LinedList"/>
    <dgm:cxn modelId="{A78DCE7A-653C-498F-984B-1D112BE5B1C6}" type="presParOf" srcId="{45A27120-D679-4BEE-9B09-C6264AA184AF}" destId="{51FC46D8-A0B1-476E-857A-8C7C5774843C}" srcOrd="2" destOrd="0" presId="urn:microsoft.com/office/officeart/2008/layout/LinedList"/>
    <dgm:cxn modelId="{5CC3BA32-3192-41DE-B264-A4F8742885E9}" type="presParOf" srcId="{CEB4F45C-F637-444A-8D81-CC9F599378A8}" destId="{6C47995F-C2E7-4F2A-A402-347DCC6F67D8}" srcOrd="5" destOrd="0" presId="urn:microsoft.com/office/officeart/2008/layout/LinedList"/>
    <dgm:cxn modelId="{754B0A6B-0CA7-40A6-8155-8B82B76E3A37}" type="presParOf" srcId="{CEB4F45C-F637-444A-8D81-CC9F599378A8}" destId="{FC474FBE-766A-45B5-8471-916952EC4A87}" srcOrd="6" destOrd="0" presId="urn:microsoft.com/office/officeart/2008/layout/LinedList"/>
    <dgm:cxn modelId="{3F9FC44B-45A9-4CED-97E6-194149CDEEAD}" type="presParOf" srcId="{CEB4F45C-F637-444A-8D81-CC9F599378A8}" destId="{0FF19502-9516-4625-85C9-ABA7194CD71B}" srcOrd="7" destOrd="0" presId="urn:microsoft.com/office/officeart/2008/layout/LinedList"/>
    <dgm:cxn modelId="{CAD6BCF1-4C68-4F57-989D-39BD46681FF5}" type="presParOf" srcId="{0FF19502-9516-4625-85C9-ABA7194CD71B}" destId="{046F96E9-6048-4E7E-A7A2-A6B21D83A001}" srcOrd="0" destOrd="0" presId="urn:microsoft.com/office/officeart/2008/layout/LinedList"/>
    <dgm:cxn modelId="{31A0B36D-36A2-4C2A-A511-081E5A6E59C8}" type="presParOf" srcId="{0FF19502-9516-4625-85C9-ABA7194CD71B}" destId="{273A3610-A19C-4D35-85F9-255272B3A2DA}" srcOrd="1" destOrd="0" presId="urn:microsoft.com/office/officeart/2008/layout/LinedList"/>
    <dgm:cxn modelId="{E887B1FF-1827-47D5-947E-90CC1218FE1D}" type="presParOf" srcId="{0FF19502-9516-4625-85C9-ABA7194CD71B}" destId="{D95A355F-54F7-4AAD-8754-F51BE113FE76}" srcOrd="2" destOrd="0" presId="urn:microsoft.com/office/officeart/2008/layout/LinedList"/>
    <dgm:cxn modelId="{3F7D20E7-E9B7-4C3C-AB07-552639F08138}" type="presParOf" srcId="{CEB4F45C-F637-444A-8D81-CC9F599378A8}" destId="{5E6C983D-1A9E-491C-8F17-7A1DA34F6A64}" srcOrd="8" destOrd="0" presId="urn:microsoft.com/office/officeart/2008/layout/LinedList"/>
    <dgm:cxn modelId="{78561964-0752-4FDE-9747-9DA42610C911}" type="presParOf" srcId="{CEB4F45C-F637-444A-8D81-CC9F599378A8}" destId="{C6BEB2D9-160F-4A71-8644-25A950E51FFE}" srcOrd="9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pPr algn="l"/>
          <a:endParaRPr lang="es-SV" dirty="0" smtClean="0"/>
        </a:p>
        <a:p>
          <a:pPr algn="l"/>
          <a:endParaRPr lang="es-SV" dirty="0" smtClean="0"/>
        </a:p>
        <a:p>
          <a:pPr algn="l"/>
          <a:endParaRPr lang="es-SV" dirty="0" smtClean="0"/>
        </a:p>
        <a:p>
          <a:pPr algn="l"/>
          <a:endParaRPr lang="es-SV" dirty="0" smtClean="0"/>
        </a:p>
        <a:p>
          <a:pPr algn="ctr"/>
          <a:endParaRPr lang="es-SV" dirty="0" smtClean="0"/>
        </a:p>
        <a:p>
          <a:pPr algn="ctr"/>
          <a:r>
            <a:rPr lang="es-SV" dirty="0" smtClean="0"/>
            <a:t>Sistema de inmigración regional</a:t>
          </a:r>
        </a:p>
        <a:p>
          <a:pPr algn="l"/>
          <a:endParaRPr lang="es-SV" dirty="0"/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/>
      <dgm:spPr/>
      <dgm:t>
        <a:bodyPr/>
        <a:lstStyle/>
        <a:p>
          <a:pPr algn="just"/>
          <a:r>
            <a:rPr lang="es-SV" b="1" dirty="0" smtClean="0"/>
            <a:t>Con las poblaciones transfronterizas</a:t>
          </a:r>
          <a:r>
            <a:rPr lang="es-SV" dirty="0" smtClean="0"/>
            <a:t>: Se flexibilizarán los requisitos y aranceles de la población transfronteriza con el objeto de documentar y facilitar la movilidad de esa población, fortaleciendo las relaciones comunitarias. </a:t>
          </a:r>
          <a:endParaRPr lang="es-SV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/>
      <dgm:spPr/>
      <dgm:t>
        <a:bodyPr/>
        <a:lstStyle/>
        <a:p>
          <a:pPr algn="just"/>
          <a:r>
            <a:rPr lang="es-SV" b="1" dirty="0" smtClean="0"/>
            <a:t>El Refugio: </a:t>
          </a:r>
          <a:r>
            <a:rPr lang="es-SV" dirty="0" smtClean="0"/>
            <a:t>Se armonizarán los criterios para el otorgamiento de la condición de refugiado, así como profundizar en las corresponsabilidades de adoptar las medidas pertinentes, en un marco de flujos migratorios mixtos.</a:t>
          </a:r>
          <a:endParaRPr lang="es-SV" dirty="0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FC2D70DE-26A9-4CFF-935A-A287881E1B06}">
      <dgm:prSet phldrT="[Texto]"/>
      <dgm:spPr/>
      <dgm:t>
        <a:bodyPr/>
        <a:lstStyle/>
        <a:p>
          <a:endParaRPr lang="es-SV" b="1" dirty="0" smtClean="0"/>
        </a:p>
        <a:p>
          <a:r>
            <a:rPr lang="es-SV" b="1" dirty="0" smtClean="0"/>
            <a:t>La deportación y detención</a:t>
          </a:r>
          <a:r>
            <a:rPr lang="es-SV" dirty="0" smtClean="0"/>
            <a:t>: Se fortalecerán las condiciones y los mecanismos para el tratamiento de los casos de deportación, detención y retorno.</a:t>
          </a:r>
          <a:endParaRPr lang="es-SV" dirty="0"/>
        </a:p>
      </dgm:t>
    </dgm:pt>
    <dgm:pt modelId="{63C817B2-5310-456B-A806-6989B32BC762}" type="parTrans" cxnId="{0FC7AACF-0363-477C-9A23-E505011AE07C}">
      <dgm:prSet/>
      <dgm:spPr/>
      <dgm:t>
        <a:bodyPr/>
        <a:lstStyle/>
        <a:p>
          <a:endParaRPr lang="es-SV"/>
        </a:p>
      </dgm:t>
    </dgm:pt>
    <dgm:pt modelId="{EA40FB3B-1CE5-4F9A-8CBB-D7CA87CB73BF}" type="sibTrans" cxnId="{0FC7AACF-0363-477C-9A23-E505011AE07C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4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4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3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4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3"/>
      <dgm:spPr/>
    </dgm:pt>
    <dgm:pt modelId="{FC474FBE-766A-45B5-8471-916952EC4A87}" type="pres">
      <dgm:prSet presAssocID="{46BC4F50-650E-4DC9-9B77-26D3628504FC}" presName="vertSpace2b" presStyleCnt="0"/>
      <dgm:spPr/>
    </dgm:pt>
    <dgm:pt modelId="{0FF19502-9516-4625-85C9-ABA7194CD71B}" type="pres">
      <dgm:prSet presAssocID="{FC2D70DE-26A9-4CFF-935A-A287881E1B06}" presName="horz2" presStyleCnt="0"/>
      <dgm:spPr/>
    </dgm:pt>
    <dgm:pt modelId="{046F96E9-6048-4E7E-A7A2-A6B21D83A001}" type="pres">
      <dgm:prSet presAssocID="{FC2D70DE-26A9-4CFF-935A-A287881E1B06}" presName="horzSpace2" presStyleCnt="0"/>
      <dgm:spPr/>
    </dgm:pt>
    <dgm:pt modelId="{273A3610-A19C-4D35-85F9-255272B3A2DA}" type="pres">
      <dgm:prSet presAssocID="{FC2D70DE-26A9-4CFF-935A-A287881E1B06}" presName="tx2" presStyleLbl="revTx" presStyleIdx="3" presStyleCnt="4" custScaleY="110783"/>
      <dgm:spPr/>
      <dgm:t>
        <a:bodyPr/>
        <a:lstStyle/>
        <a:p>
          <a:endParaRPr lang="es-SV"/>
        </a:p>
      </dgm:t>
    </dgm:pt>
    <dgm:pt modelId="{D95A355F-54F7-4AAD-8754-F51BE113FE76}" type="pres">
      <dgm:prSet presAssocID="{FC2D70DE-26A9-4CFF-935A-A287881E1B06}" presName="vert2" presStyleCnt="0"/>
      <dgm:spPr/>
    </dgm:pt>
    <dgm:pt modelId="{5E6C983D-1A9E-491C-8F17-7A1DA34F6A64}" type="pres">
      <dgm:prSet presAssocID="{FC2D70DE-26A9-4CFF-935A-A287881E1B06}" presName="thinLine2b" presStyleLbl="callout" presStyleIdx="2" presStyleCnt="3"/>
      <dgm:spPr/>
    </dgm:pt>
    <dgm:pt modelId="{C6BEB2D9-160F-4A71-8644-25A950E51FFE}" type="pres">
      <dgm:prSet presAssocID="{FC2D70DE-26A9-4CFF-935A-A287881E1B06}" presName="vertSpace2b" presStyleCnt="0"/>
      <dgm:spPr/>
    </dgm:pt>
  </dgm:ptLst>
  <dgm:cxnLst>
    <dgm:cxn modelId="{FAF389C9-E803-4DB9-8563-DE31DE35E089}" type="presOf" srcId="{F35B2D95-A3AF-4812-B643-BA93D934E42E}" destId="{14DAED6B-C269-4980-96C0-945025A53724}" srcOrd="0" destOrd="0" presId="urn:microsoft.com/office/officeart/2008/layout/LinedList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54B55E70-C35B-4111-B07C-88CF783183A0}" type="presOf" srcId="{46BC4F50-650E-4DC9-9B77-26D3628504FC}" destId="{3456ED2F-5CF9-4C53-9C02-348EF2AD7AF7}" srcOrd="0" destOrd="0" presId="urn:microsoft.com/office/officeart/2008/layout/LinedList"/>
    <dgm:cxn modelId="{E507A3B5-2412-4650-9637-82DCAA765D66}" type="presOf" srcId="{353A9C7E-FECD-4B59-A206-16844DAFF353}" destId="{EF5BC22F-E781-4212-8417-3BACFCA045FC}" srcOrd="0" destOrd="0" presId="urn:microsoft.com/office/officeart/2008/layout/LinedList"/>
    <dgm:cxn modelId="{6FABCB58-17B9-42ED-86BA-3EE8CBD5504A}" type="presOf" srcId="{1BB5CF12-EACB-4650-A013-978816234BDA}" destId="{20504647-3379-4068-9767-807CA616E1BF}" srcOrd="0" destOrd="0" presId="urn:microsoft.com/office/officeart/2008/layout/LinedList"/>
    <dgm:cxn modelId="{0FC7AACF-0363-477C-9A23-E505011AE07C}" srcId="{F35B2D95-A3AF-4812-B643-BA93D934E42E}" destId="{FC2D70DE-26A9-4CFF-935A-A287881E1B06}" srcOrd="2" destOrd="0" parTransId="{63C817B2-5310-456B-A806-6989B32BC762}" sibTransId="{EA40FB3B-1CE5-4F9A-8CBB-D7CA87CB73BF}"/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8938A69D-29A4-4BD8-A210-D8D626E2C45F}" type="presOf" srcId="{FC2D70DE-26A9-4CFF-935A-A287881E1B06}" destId="{273A3610-A19C-4D35-85F9-255272B3A2DA}" srcOrd="0" destOrd="0" presId="urn:microsoft.com/office/officeart/2008/layout/LinedList"/>
    <dgm:cxn modelId="{805EB3EE-1F32-45CA-BFDD-04BF2ACB91D1}" type="presParOf" srcId="{EF5BC22F-E781-4212-8417-3BACFCA045FC}" destId="{7DEA9256-655F-4243-A242-1C9E9FB3FAF7}" srcOrd="0" destOrd="0" presId="urn:microsoft.com/office/officeart/2008/layout/LinedList"/>
    <dgm:cxn modelId="{CE3C95CE-2C05-43FC-93DE-62C471BFF90B}" type="presParOf" srcId="{EF5BC22F-E781-4212-8417-3BACFCA045FC}" destId="{9FCF0CA8-8CB3-4AE7-AECC-3C79B414A0E8}" srcOrd="1" destOrd="0" presId="urn:microsoft.com/office/officeart/2008/layout/LinedList"/>
    <dgm:cxn modelId="{7D89AD8D-9E75-48B7-8581-0C287DC2A697}" type="presParOf" srcId="{9FCF0CA8-8CB3-4AE7-AECC-3C79B414A0E8}" destId="{14DAED6B-C269-4980-96C0-945025A53724}" srcOrd="0" destOrd="0" presId="urn:microsoft.com/office/officeart/2008/layout/LinedList"/>
    <dgm:cxn modelId="{13112B15-128C-4E74-A8DD-7E4612A9C9A3}" type="presParOf" srcId="{9FCF0CA8-8CB3-4AE7-AECC-3C79B414A0E8}" destId="{CEB4F45C-F637-444A-8D81-CC9F599378A8}" srcOrd="1" destOrd="0" presId="urn:microsoft.com/office/officeart/2008/layout/LinedList"/>
    <dgm:cxn modelId="{C4084C20-4BCC-43C0-8161-9DB07B31DC71}" type="presParOf" srcId="{CEB4F45C-F637-444A-8D81-CC9F599378A8}" destId="{755D6BF9-A1F9-4B88-B68C-73E718742B06}" srcOrd="0" destOrd="0" presId="urn:microsoft.com/office/officeart/2008/layout/LinedList"/>
    <dgm:cxn modelId="{A286568A-7EB0-4710-9818-6F14840C51F6}" type="presParOf" srcId="{CEB4F45C-F637-444A-8D81-CC9F599378A8}" destId="{02BC398D-68F4-439C-B3A5-B8DF859C8ADA}" srcOrd="1" destOrd="0" presId="urn:microsoft.com/office/officeart/2008/layout/LinedList"/>
    <dgm:cxn modelId="{C5550D11-A4CD-4387-8E49-3D79B4E2FEA2}" type="presParOf" srcId="{02BC398D-68F4-439C-B3A5-B8DF859C8ADA}" destId="{DE929518-0522-4917-921F-EDB342E8C2A2}" srcOrd="0" destOrd="0" presId="urn:microsoft.com/office/officeart/2008/layout/LinedList"/>
    <dgm:cxn modelId="{C43FD97E-8434-4A10-B36C-7DC6207F5007}" type="presParOf" srcId="{02BC398D-68F4-439C-B3A5-B8DF859C8ADA}" destId="{20504647-3379-4068-9767-807CA616E1BF}" srcOrd="1" destOrd="0" presId="urn:microsoft.com/office/officeart/2008/layout/LinedList"/>
    <dgm:cxn modelId="{78EF5DFE-8F86-4190-A260-0A4F8791FA39}" type="presParOf" srcId="{02BC398D-68F4-439C-B3A5-B8DF859C8ADA}" destId="{5E6C99A0-C189-4233-8F43-D90AC39B23B3}" srcOrd="2" destOrd="0" presId="urn:microsoft.com/office/officeart/2008/layout/LinedList"/>
    <dgm:cxn modelId="{BDF15917-3639-4D51-B99F-BC202943268B}" type="presParOf" srcId="{CEB4F45C-F637-444A-8D81-CC9F599378A8}" destId="{FF669980-7C13-4707-8929-75215C13F802}" srcOrd="2" destOrd="0" presId="urn:microsoft.com/office/officeart/2008/layout/LinedList"/>
    <dgm:cxn modelId="{47B34707-EBB7-41AB-9933-F21E4622B1C0}" type="presParOf" srcId="{CEB4F45C-F637-444A-8D81-CC9F599378A8}" destId="{4125B2DB-22AC-46E2-846C-20BA2E400AE1}" srcOrd="3" destOrd="0" presId="urn:microsoft.com/office/officeart/2008/layout/LinedList"/>
    <dgm:cxn modelId="{E0CE793F-BBB1-44C8-9FF6-68276B8718B3}" type="presParOf" srcId="{CEB4F45C-F637-444A-8D81-CC9F599378A8}" destId="{45A27120-D679-4BEE-9B09-C6264AA184AF}" srcOrd="4" destOrd="0" presId="urn:microsoft.com/office/officeart/2008/layout/LinedList"/>
    <dgm:cxn modelId="{65BB1C07-6167-4BA5-85DD-DBBF7977553C}" type="presParOf" srcId="{45A27120-D679-4BEE-9B09-C6264AA184AF}" destId="{82832DCB-083A-48E2-B2DE-94B14047196B}" srcOrd="0" destOrd="0" presId="urn:microsoft.com/office/officeart/2008/layout/LinedList"/>
    <dgm:cxn modelId="{8F17A21B-7589-4C91-A758-4FD5BC549288}" type="presParOf" srcId="{45A27120-D679-4BEE-9B09-C6264AA184AF}" destId="{3456ED2F-5CF9-4C53-9C02-348EF2AD7AF7}" srcOrd="1" destOrd="0" presId="urn:microsoft.com/office/officeart/2008/layout/LinedList"/>
    <dgm:cxn modelId="{C320E767-126F-46B2-AFAA-1888DB293D10}" type="presParOf" srcId="{45A27120-D679-4BEE-9B09-C6264AA184AF}" destId="{51FC46D8-A0B1-476E-857A-8C7C5774843C}" srcOrd="2" destOrd="0" presId="urn:microsoft.com/office/officeart/2008/layout/LinedList"/>
    <dgm:cxn modelId="{F8A952D3-AF46-40C1-94EF-7925BD0825E3}" type="presParOf" srcId="{CEB4F45C-F637-444A-8D81-CC9F599378A8}" destId="{6C47995F-C2E7-4F2A-A402-347DCC6F67D8}" srcOrd="5" destOrd="0" presId="urn:microsoft.com/office/officeart/2008/layout/LinedList"/>
    <dgm:cxn modelId="{371D4957-580C-447B-8444-89A5A327D382}" type="presParOf" srcId="{CEB4F45C-F637-444A-8D81-CC9F599378A8}" destId="{FC474FBE-766A-45B5-8471-916952EC4A87}" srcOrd="6" destOrd="0" presId="urn:microsoft.com/office/officeart/2008/layout/LinedList"/>
    <dgm:cxn modelId="{97886A45-F0CF-421C-B7A1-4609DCFB4443}" type="presParOf" srcId="{CEB4F45C-F637-444A-8D81-CC9F599378A8}" destId="{0FF19502-9516-4625-85C9-ABA7194CD71B}" srcOrd="7" destOrd="0" presId="urn:microsoft.com/office/officeart/2008/layout/LinedList"/>
    <dgm:cxn modelId="{4D062457-1303-428F-9B40-41CAE1BA7588}" type="presParOf" srcId="{0FF19502-9516-4625-85C9-ABA7194CD71B}" destId="{046F96E9-6048-4E7E-A7A2-A6B21D83A001}" srcOrd="0" destOrd="0" presId="urn:microsoft.com/office/officeart/2008/layout/LinedList"/>
    <dgm:cxn modelId="{A45B495E-ED64-4C02-9DDE-406E07EA7C6E}" type="presParOf" srcId="{0FF19502-9516-4625-85C9-ABA7194CD71B}" destId="{273A3610-A19C-4D35-85F9-255272B3A2DA}" srcOrd="1" destOrd="0" presId="urn:microsoft.com/office/officeart/2008/layout/LinedList"/>
    <dgm:cxn modelId="{301BFA75-55F4-464B-BAA4-40D252388D1B}" type="presParOf" srcId="{0FF19502-9516-4625-85C9-ABA7194CD71B}" destId="{D95A355F-54F7-4AAD-8754-F51BE113FE76}" srcOrd="2" destOrd="0" presId="urn:microsoft.com/office/officeart/2008/layout/LinedList"/>
    <dgm:cxn modelId="{4B05ADD2-9E48-4709-A4DE-86C897B16DE6}" type="presParOf" srcId="{CEB4F45C-F637-444A-8D81-CC9F599378A8}" destId="{5E6C983D-1A9E-491C-8F17-7A1DA34F6A64}" srcOrd="8" destOrd="0" presId="urn:microsoft.com/office/officeart/2008/layout/LinedList"/>
    <dgm:cxn modelId="{1560F531-112A-49EC-A804-65BB6D3715E2}" type="presParOf" srcId="{CEB4F45C-F637-444A-8D81-CC9F599378A8}" destId="{C6BEB2D9-160F-4A71-8644-25A950E51FFE}" srcOrd="9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endParaRPr lang="es-SV" dirty="0" smtClean="0"/>
        </a:p>
        <a:p>
          <a:endParaRPr lang="es-SV" dirty="0" smtClean="0"/>
        </a:p>
        <a:p>
          <a:endParaRPr lang="es-SV" dirty="0" smtClean="0"/>
        </a:p>
        <a:p>
          <a:endParaRPr lang="es-SV" dirty="0" smtClean="0"/>
        </a:p>
        <a:p>
          <a:r>
            <a:rPr lang="es-SV" dirty="0" smtClean="0"/>
            <a:t>Migración laboral</a:t>
          </a:r>
        </a:p>
        <a:p>
          <a:endParaRPr lang="es-SV" dirty="0"/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 custT="1"/>
      <dgm:spPr/>
      <dgm:t>
        <a:bodyPr/>
        <a:lstStyle/>
        <a:p>
          <a:pPr algn="just"/>
          <a:endParaRPr lang="es-SV" sz="1300" dirty="0" smtClean="0"/>
        </a:p>
        <a:p>
          <a:pPr algn="just"/>
          <a:r>
            <a:rPr lang="es-SV" sz="1700" dirty="0" smtClean="0"/>
            <a:t>Se fomentará la creación de acuerdos bilaterales que favorezcan la gestión migratoria integral de los flujos migratorios laborales. </a:t>
          </a:r>
          <a:endParaRPr lang="es-SV" sz="1700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/>
      <dgm:spPr/>
      <dgm:t>
        <a:bodyPr/>
        <a:lstStyle/>
        <a:p>
          <a:pPr algn="just"/>
          <a:endParaRPr lang="es-SV" dirty="0" smtClean="0"/>
        </a:p>
        <a:p>
          <a:pPr algn="just"/>
          <a:r>
            <a:rPr lang="es-SV" dirty="0" smtClean="0"/>
            <a:t>Se impulsarán acciones orientadas a la gestión circular ordenada de los flujos migratorios laborales.</a:t>
          </a:r>
          <a:endParaRPr lang="es-SV" dirty="0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FC2D70DE-26A9-4CFF-935A-A287881E1B06}">
      <dgm:prSet phldrT="[Texto]"/>
      <dgm:spPr/>
      <dgm:t>
        <a:bodyPr/>
        <a:lstStyle/>
        <a:p>
          <a:pPr algn="just"/>
          <a:endParaRPr lang="es-SV" dirty="0" smtClean="0"/>
        </a:p>
        <a:p>
          <a:pPr algn="just"/>
          <a:endParaRPr lang="es-SV" dirty="0" smtClean="0"/>
        </a:p>
        <a:p>
          <a:pPr algn="just"/>
          <a:r>
            <a:rPr lang="es-SV" dirty="0" smtClean="0"/>
            <a:t>Se estimularán acciones orientadas hacia la comprensión de las causas de la migración irregular y la facilitación de los procesos de regularización.</a:t>
          </a:r>
        </a:p>
        <a:p>
          <a:pPr algn="just"/>
          <a:endParaRPr lang="es-SV" dirty="0"/>
        </a:p>
      </dgm:t>
    </dgm:pt>
    <dgm:pt modelId="{63C817B2-5310-456B-A806-6989B32BC762}" type="parTrans" cxnId="{0FC7AACF-0363-477C-9A23-E505011AE07C}">
      <dgm:prSet/>
      <dgm:spPr/>
      <dgm:t>
        <a:bodyPr/>
        <a:lstStyle/>
        <a:p>
          <a:endParaRPr lang="es-SV"/>
        </a:p>
      </dgm:t>
    </dgm:pt>
    <dgm:pt modelId="{EA40FB3B-1CE5-4F9A-8CBB-D7CA87CB73BF}" type="sibTrans" cxnId="{0FC7AACF-0363-477C-9A23-E505011AE07C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4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4" custScaleY="27405" custLinFactNeighborX="463" custLinFactNeighborY="-301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3" custLinFactY="100000" custLinFactNeighborX="835" custLinFactNeighborY="162683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4" custScaleY="70132" custLinFactNeighborY="-7220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3" custLinFactY="-200000" custLinFactNeighborX="853" custLinFactNeighborY="-295324"/>
      <dgm:spPr>
        <a:blipFill rotWithShape="0">
          <a:blip xmlns:r="http://schemas.openxmlformats.org/officeDocument/2006/relationships" r:embed="rId1"/>
          <a:stretch>
            <a:fillRect/>
          </a:stretch>
        </a:blipFill>
      </dgm:spPr>
      <dgm:t>
        <a:bodyPr/>
        <a:lstStyle/>
        <a:p>
          <a:endParaRPr lang="en-US"/>
        </a:p>
      </dgm:t>
    </dgm:pt>
    <dgm:pt modelId="{FC474FBE-766A-45B5-8471-916952EC4A87}" type="pres">
      <dgm:prSet presAssocID="{46BC4F50-650E-4DC9-9B77-26D3628504FC}" presName="vertSpace2b" presStyleCnt="0"/>
      <dgm:spPr/>
    </dgm:pt>
    <dgm:pt modelId="{0FF19502-9516-4625-85C9-ABA7194CD71B}" type="pres">
      <dgm:prSet presAssocID="{FC2D70DE-26A9-4CFF-935A-A287881E1B06}" presName="horz2" presStyleCnt="0"/>
      <dgm:spPr/>
    </dgm:pt>
    <dgm:pt modelId="{046F96E9-6048-4E7E-A7A2-A6B21D83A001}" type="pres">
      <dgm:prSet presAssocID="{FC2D70DE-26A9-4CFF-935A-A287881E1B06}" presName="horzSpace2" presStyleCnt="0"/>
      <dgm:spPr/>
    </dgm:pt>
    <dgm:pt modelId="{273A3610-A19C-4D35-85F9-255272B3A2DA}" type="pres">
      <dgm:prSet presAssocID="{FC2D70DE-26A9-4CFF-935A-A287881E1B06}" presName="tx2" presStyleLbl="revTx" presStyleIdx="3" presStyleCnt="4" custScaleY="79018" custLinFactNeighborX="8040" custLinFactNeighborY="-40175"/>
      <dgm:spPr/>
      <dgm:t>
        <a:bodyPr/>
        <a:lstStyle/>
        <a:p>
          <a:endParaRPr lang="es-SV"/>
        </a:p>
      </dgm:t>
    </dgm:pt>
    <dgm:pt modelId="{D95A355F-54F7-4AAD-8754-F51BE113FE76}" type="pres">
      <dgm:prSet presAssocID="{FC2D70DE-26A9-4CFF-935A-A287881E1B06}" presName="vert2" presStyleCnt="0"/>
      <dgm:spPr/>
    </dgm:pt>
    <dgm:pt modelId="{5E6C983D-1A9E-491C-8F17-7A1DA34F6A64}" type="pres">
      <dgm:prSet presAssocID="{FC2D70DE-26A9-4CFF-935A-A287881E1B06}" presName="thinLine2b" presStyleLbl="callout" presStyleIdx="2" presStyleCnt="3" custLinFactNeighborX="-623" custLinFactNeighborY="-17843"/>
      <dgm:spPr/>
    </dgm:pt>
    <dgm:pt modelId="{C6BEB2D9-160F-4A71-8644-25A950E51FFE}" type="pres">
      <dgm:prSet presAssocID="{FC2D70DE-26A9-4CFF-935A-A287881E1B06}" presName="vertSpace2b" presStyleCnt="0"/>
      <dgm:spPr/>
    </dgm:pt>
  </dgm:ptLst>
  <dgm:cxnLst>
    <dgm:cxn modelId="{FA9EF309-6998-4840-8237-4F4983391C81}" type="presOf" srcId="{FC2D70DE-26A9-4CFF-935A-A287881E1B06}" destId="{273A3610-A19C-4D35-85F9-255272B3A2DA}" srcOrd="0" destOrd="0" presId="urn:microsoft.com/office/officeart/2008/layout/LinedList"/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EFF8AAF6-2B2D-4F03-9BCA-282DFB218010}" type="presOf" srcId="{353A9C7E-FECD-4B59-A206-16844DAFF353}" destId="{EF5BC22F-E781-4212-8417-3BACFCA045FC}" srcOrd="0" destOrd="0" presId="urn:microsoft.com/office/officeart/2008/layout/LinedList"/>
    <dgm:cxn modelId="{8845C295-4B30-4CEE-8500-769386E7B3B2}" type="presOf" srcId="{1BB5CF12-EACB-4650-A013-978816234BDA}" destId="{20504647-3379-4068-9767-807CA616E1BF}" srcOrd="0" destOrd="0" presId="urn:microsoft.com/office/officeart/2008/layout/LinedList"/>
    <dgm:cxn modelId="{0FC7AACF-0363-477C-9A23-E505011AE07C}" srcId="{F35B2D95-A3AF-4812-B643-BA93D934E42E}" destId="{FC2D70DE-26A9-4CFF-935A-A287881E1B06}" srcOrd="2" destOrd="0" parTransId="{63C817B2-5310-456B-A806-6989B32BC762}" sibTransId="{EA40FB3B-1CE5-4F9A-8CBB-D7CA87CB73BF}"/>
    <dgm:cxn modelId="{91E8FF27-8E1E-4C50-8EF7-C65B15E52FDA}" type="presOf" srcId="{46BC4F50-650E-4DC9-9B77-26D3628504FC}" destId="{3456ED2F-5CF9-4C53-9C02-348EF2AD7AF7}" srcOrd="0" destOrd="0" presId="urn:microsoft.com/office/officeart/2008/layout/LinedList"/>
    <dgm:cxn modelId="{95B7D0B0-CC92-4263-94C8-927A00732E1E}" type="presOf" srcId="{F35B2D95-A3AF-4812-B643-BA93D934E42E}" destId="{14DAED6B-C269-4980-96C0-945025A53724}" srcOrd="0" destOrd="0" presId="urn:microsoft.com/office/officeart/2008/layout/LinedList"/>
    <dgm:cxn modelId="{D9EE6F4D-F01D-4A01-BB86-5D2A820518BF}" type="presParOf" srcId="{EF5BC22F-E781-4212-8417-3BACFCA045FC}" destId="{7DEA9256-655F-4243-A242-1C9E9FB3FAF7}" srcOrd="0" destOrd="0" presId="urn:microsoft.com/office/officeart/2008/layout/LinedList"/>
    <dgm:cxn modelId="{4BD24C6A-A915-4D52-A2A2-1DF245373BF9}" type="presParOf" srcId="{EF5BC22F-E781-4212-8417-3BACFCA045FC}" destId="{9FCF0CA8-8CB3-4AE7-AECC-3C79B414A0E8}" srcOrd="1" destOrd="0" presId="urn:microsoft.com/office/officeart/2008/layout/LinedList"/>
    <dgm:cxn modelId="{A5D68C63-1138-4D5E-8E6A-AA45BC913D85}" type="presParOf" srcId="{9FCF0CA8-8CB3-4AE7-AECC-3C79B414A0E8}" destId="{14DAED6B-C269-4980-96C0-945025A53724}" srcOrd="0" destOrd="0" presId="urn:microsoft.com/office/officeart/2008/layout/LinedList"/>
    <dgm:cxn modelId="{7B87F2EF-B61F-4F77-9027-B08583B479C4}" type="presParOf" srcId="{9FCF0CA8-8CB3-4AE7-AECC-3C79B414A0E8}" destId="{CEB4F45C-F637-444A-8D81-CC9F599378A8}" srcOrd="1" destOrd="0" presId="urn:microsoft.com/office/officeart/2008/layout/LinedList"/>
    <dgm:cxn modelId="{F2EB56F0-ABCF-408A-93A7-1ED15B15214E}" type="presParOf" srcId="{CEB4F45C-F637-444A-8D81-CC9F599378A8}" destId="{755D6BF9-A1F9-4B88-B68C-73E718742B06}" srcOrd="0" destOrd="0" presId="urn:microsoft.com/office/officeart/2008/layout/LinedList"/>
    <dgm:cxn modelId="{68247039-6A13-41B2-A210-7CE0D39343CF}" type="presParOf" srcId="{CEB4F45C-F637-444A-8D81-CC9F599378A8}" destId="{02BC398D-68F4-439C-B3A5-B8DF859C8ADA}" srcOrd="1" destOrd="0" presId="urn:microsoft.com/office/officeart/2008/layout/LinedList"/>
    <dgm:cxn modelId="{09495C86-84E5-45BA-86FC-1719529BC14C}" type="presParOf" srcId="{02BC398D-68F4-439C-B3A5-B8DF859C8ADA}" destId="{DE929518-0522-4917-921F-EDB342E8C2A2}" srcOrd="0" destOrd="0" presId="urn:microsoft.com/office/officeart/2008/layout/LinedList"/>
    <dgm:cxn modelId="{71AFC9C6-1970-49D6-8836-26ED524224C9}" type="presParOf" srcId="{02BC398D-68F4-439C-B3A5-B8DF859C8ADA}" destId="{20504647-3379-4068-9767-807CA616E1BF}" srcOrd="1" destOrd="0" presId="urn:microsoft.com/office/officeart/2008/layout/LinedList"/>
    <dgm:cxn modelId="{5016C7D7-B698-4695-AF9B-31CD4087D681}" type="presParOf" srcId="{02BC398D-68F4-439C-B3A5-B8DF859C8ADA}" destId="{5E6C99A0-C189-4233-8F43-D90AC39B23B3}" srcOrd="2" destOrd="0" presId="urn:microsoft.com/office/officeart/2008/layout/LinedList"/>
    <dgm:cxn modelId="{5623451D-73A4-4CC9-87CF-E885350A0EC2}" type="presParOf" srcId="{CEB4F45C-F637-444A-8D81-CC9F599378A8}" destId="{FF669980-7C13-4707-8929-75215C13F802}" srcOrd="2" destOrd="0" presId="urn:microsoft.com/office/officeart/2008/layout/LinedList"/>
    <dgm:cxn modelId="{156C696B-A9D8-4A28-BFEB-F1AA125BFA81}" type="presParOf" srcId="{CEB4F45C-F637-444A-8D81-CC9F599378A8}" destId="{4125B2DB-22AC-46E2-846C-20BA2E400AE1}" srcOrd="3" destOrd="0" presId="urn:microsoft.com/office/officeart/2008/layout/LinedList"/>
    <dgm:cxn modelId="{FB3A89E7-6109-41D1-9E5C-75B88D135D09}" type="presParOf" srcId="{CEB4F45C-F637-444A-8D81-CC9F599378A8}" destId="{45A27120-D679-4BEE-9B09-C6264AA184AF}" srcOrd="4" destOrd="0" presId="urn:microsoft.com/office/officeart/2008/layout/LinedList"/>
    <dgm:cxn modelId="{95AF72C9-13B9-40FE-AA59-D806BC7A49D8}" type="presParOf" srcId="{45A27120-D679-4BEE-9B09-C6264AA184AF}" destId="{82832DCB-083A-48E2-B2DE-94B14047196B}" srcOrd="0" destOrd="0" presId="urn:microsoft.com/office/officeart/2008/layout/LinedList"/>
    <dgm:cxn modelId="{7306E345-CF4B-4E36-8F32-172BF4D5A80D}" type="presParOf" srcId="{45A27120-D679-4BEE-9B09-C6264AA184AF}" destId="{3456ED2F-5CF9-4C53-9C02-348EF2AD7AF7}" srcOrd="1" destOrd="0" presId="urn:microsoft.com/office/officeart/2008/layout/LinedList"/>
    <dgm:cxn modelId="{EBB78ABE-8AAA-4CAA-ABDD-4964FF6B7E4B}" type="presParOf" srcId="{45A27120-D679-4BEE-9B09-C6264AA184AF}" destId="{51FC46D8-A0B1-476E-857A-8C7C5774843C}" srcOrd="2" destOrd="0" presId="urn:microsoft.com/office/officeart/2008/layout/LinedList"/>
    <dgm:cxn modelId="{8EB629B4-B0F4-4CEE-B6D2-9C3843BC215F}" type="presParOf" srcId="{CEB4F45C-F637-444A-8D81-CC9F599378A8}" destId="{6C47995F-C2E7-4F2A-A402-347DCC6F67D8}" srcOrd="5" destOrd="0" presId="urn:microsoft.com/office/officeart/2008/layout/LinedList"/>
    <dgm:cxn modelId="{AB733220-1770-407D-8094-9804A902D017}" type="presParOf" srcId="{CEB4F45C-F637-444A-8D81-CC9F599378A8}" destId="{FC474FBE-766A-45B5-8471-916952EC4A87}" srcOrd="6" destOrd="0" presId="urn:microsoft.com/office/officeart/2008/layout/LinedList"/>
    <dgm:cxn modelId="{8DE6BF0A-BC3A-4F0A-BCD7-B8C882D18001}" type="presParOf" srcId="{CEB4F45C-F637-444A-8D81-CC9F599378A8}" destId="{0FF19502-9516-4625-85C9-ABA7194CD71B}" srcOrd="7" destOrd="0" presId="urn:microsoft.com/office/officeart/2008/layout/LinedList"/>
    <dgm:cxn modelId="{22A6DDE9-A172-4594-81F9-E684A0B99DA9}" type="presParOf" srcId="{0FF19502-9516-4625-85C9-ABA7194CD71B}" destId="{046F96E9-6048-4E7E-A7A2-A6B21D83A001}" srcOrd="0" destOrd="0" presId="urn:microsoft.com/office/officeart/2008/layout/LinedList"/>
    <dgm:cxn modelId="{57877E89-AF68-4E6F-8576-689DCACE108A}" type="presParOf" srcId="{0FF19502-9516-4625-85C9-ABA7194CD71B}" destId="{273A3610-A19C-4D35-85F9-255272B3A2DA}" srcOrd="1" destOrd="0" presId="urn:microsoft.com/office/officeart/2008/layout/LinedList"/>
    <dgm:cxn modelId="{07819644-AEF9-48D9-B5DE-CD3FB5BDACA2}" type="presParOf" srcId="{0FF19502-9516-4625-85C9-ABA7194CD71B}" destId="{D95A355F-54F7-4AAD-8754-F51BE113FE76}" srcOrd="2" destOrd="0" presId="urn:microsoft.com/office/officeart/2008/layout/LinedList"/>
    <dgm:cxn modelId="{7692B5D3-5335-4998-85A2-AC535D79BF64}" type="presParOf" srcId="{CEB4F45C-F637-444A-8D81-CC9F599378A8}" destId="{5E6C983D-1A9E-491C-8F17-7A1DA34F6A64}" srcOrd="8" destOrd="0" presId="urn:microsoft.com/office/officeart/2008/layout/LinedList"/>
    <dgm:cxn modelId="{A49A7785-2C16-4A89-9CC9-15F91DA097AB}" type="presParOf" srcId="{CEB4F45C-F637-444A-8D81-CC9F599378A8}" destId="{C6BEB2D9-160F-4A71-8644-25A950E51FFE}" srcOrd="9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4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pPr algn="l"/>
          <a:endParaRPr lang="es-SV" dirty="0" smtClean="0"/>
        </a:p>
        <a:p>
          <a:pPr algn="ctr"/>
          <a:r>
            <a:rPr lang="es-SV" dirty="0" smtClean="0"/>
            <a:t>Asistencia a poblaciones migrantes vulnerables</a:t>
          </a:r>
        </a:p>
        <a:p>
          <a:pPr algn="ctr"/>
          <a:r>
            <a:rPr lang="es-SV" dirty="0" smtClean="0"/>
            <a:t>Trata y trafico ilícito de personas</a:t>
          </a:r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/>
      <dgm:spPr/>
      <dgm:t>
        <a:bodyPr/>
        <a:lstStyle/>
        <a:p>
          <a:pPr algn="just"/>
          <a:r>
            <a:rPr lang="es-SV" dirty="0" smtClean="0"/>
            <a:t>Se dará protección y atención a las victimas de trata de personas en todas sus modalidades existentes en la región incluyendo la trata interna a través de un enfoque </a:t>
          </a:r>
          <a:r>
            <a:rPr lang="es-SV" dirty="0" err="1" smtClean="0"/>
            <a:t>victimológico</a:t>
          </a:r>
          <a:r>
            <a:rPr lang="es-SV" dirty="0" smtClean="0"/>
            <a:t>. </a:t>
          </a:r>
          <a:endParaRPr lang="es-SV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/>
      <dgm:spPr/>
      <dgm:t>
        <a:bodyPr/>
        <a:lstStyle/>
        <a:p>
          <a:pPr algn="just"/>
          <a:r>
            <a:rPr lang="es-SV" dirty="0" smtClean="0"/>
            <a:t>Se fortalecerán los marcos jurídicos sobre la regulación de la trata de personas en todas sus modalidades existentes en la región, incluyendo la trata interna.</a:t>
          </a:r>
          <a:endParaRPr lang="es-SV" dirty="0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FC2D70DE-26A9-4CFF-935A-A287881E1B06}">
      <dgm:prSet phldrT="[Texto]"/>
      <dgm:spPr/>
      <dgm:t>
        <a:bodyPr/>
        <a:lstStyle/>
        <a:p>
          <a:pPr algn="just"/>
          <a:r>
            <a:rPr lang="es-SV" dirty="0" smtClean="0"/>
            <a:t>Se tendrá una estrategia de difusión del delito de trata de personas trafico y sensibilización a nivel regional.</a:t>
          </a:r>
          <a:endParaRPr lang="es-SV" dirty="0"/>
        </a:p>
      </dgm:t>
    </dgm:pt>
    <dgm:pt modelId="{63C817B2-5310-456B-A806-6989B32BC762}" type="parTrans" cxnId="{0FC7AACF-0363-477C-9A23-E505011AE07C}">
      <dgm:prSet/>
      <dgm:spPr/>
      <dgm:t>
        <a:bodyPr/>
        <a:lstStyle/>
        <a:p>
          <a:endParaRPr lang="es-SV"/>
        </a:p>
      </dgm:t>
    </dgm:pt>
    <dgm:pt modelId="{EA40FB3B-1CE5-4F9A-8CBB-D7CA87CB73BF}" type="sibTrans" cxnId="{0FC7AACF-0363-477C-9A23-E505011AE07C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4" custScaleX="116940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4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3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4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3"/>
      <dgm:spPr/>
    </dgm:pt>
    <dgm:pt modelId="{FC474FBE-766A-45B5-8471-916952EC4A87}" type="pres">
      <dgm:prSet presAssocID="{46BC4F50-650E-4DC9-9B77-26D3628504FC}" presName="vertSpace2b" presStyleCnt="0"/>
      <dgm:spPr/>
    </dgm:pt>
    <dgm:pt modelId="{0FF19502-9516-4625-85C9-ABA7194CD71B}" type="pres">
      <dgm:prSet presAssocID="{FC2D70DE-26A9-4CFF-935A-A287881E1B06}" presName="horz2" presStyleCnt="0"/>
      <dgm:spPr/>
    </dgm:pt>
    <dgm:pt modelId="{046F96E9-6048-4E7E-A7A2-A6B21D83A001}" type="pres">
      <dgm:prSet presAssocID="{FC2D70DE-26A9-4CFF-935A-A287881E1B06}" presName="horzSpace2" presStyleCnt="0"/>
      <dgm:spPr/>
    </dgm:pt>
    <dgm:pt modelId="{273A3610-A19C-4D35-85F9-255272B3A2DA}" type="pres">
      <dgm:prSet presAssocID="{FC2D70DE-26A9-4CFF-935A-A287881E1B06}" presName="tx2" presStyleLbl="revTx" presStyleIdx="3" presStyleCnt="4"/>
      <dgm:spPr/>
      <dgm:t>
        <a:bodyPr/>
        <a:lstStyle/>
        <a:p>
          <a:endParaRPr lang="es-SV"/>
        </a:p>
      </dgm:t>
    </dgm:pt>
    <dgm:pt modelId="{D95A355F-54F7-4AAD-8754-F51BE113FE76}" type="pres">
      <dgm:prSet presAssocID="{FC2D70DE-26A9-4CFF-935A-A287881E1B06}" presName="vert2" presStyleCnt="0"/>
      <dgm:spPr/>
    </dgm:pt>
    <dgm:pt modelId="{5E6C983D-1A9E-491C-8F17-7A1DA34F6A64}" type="pres">
      <dgm:prSet presAssocID="{FC2D70DE-26A9-4CFF-935A-A287881E1B06}" presName="thinLine2b" presStyleLbl="callout" presStyleIdx="2" presStyleCnt="3"/>
      <dgm:spPr/>
    </dgm:pt>
    <dgm:pt modelId="{C6BEB2D9-160F-4A71-8644-25A950E51FFE}" type="pres">
      <dgm:prSet presAssocID="{FC2D70DE-26A9-4CFF-935A-A287881E1B06}" presName="vertSpace2b" presStyleCnt="0"/>
      <dgm:spPr/>
    </dgm:pt>
  </dgm:ptLst>
  <dgm:cxnLst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AA33F1E6-2140-4F23-99F1-82216E09590A}" type="presOf" srcId="{46BC4F50-650E-4DC9-9B77-26D3628504FC}" destId="{3456ED2F-5CF9-4C53-9C02-348EF2AD7AF7}" srcOrd="0" destOrd="0" presId="urn:microsoft.com/office/officeart/2008/layout/LinedList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E978D649-4FE7-4722-A0DE-0A6B8A616AB3}" type="presOf" srcId="{F35B2D95-A3AF-4812-B643-BA93D934E42E}" destId="{14DAED6B-C269-4980-96C0-945025A53724}" srcOrd="0" destOrd="0" presId="urn:microsoft.com/office/officeart/2008/layout/LinedList"/>
    <dgm:cxn modelId="{0FC7AACF-0363-477C-9A23-E505011AE07C}" srcId="{F35B2D95-A3AF-4812-B643-BA93D934E42E}" destId="{FC2D70DE-26A9-4CFF-935A-A287881E1B06}" srcOrd="2" destOrd="0" parTransId="{63C817B2-5310-456B-A806-6989B32BC762}" sibTransId="{EA40FB3B-1CE5-4F9A-8CBB-D7CA87CB73BF}"/>
    <dgm:cxn modelId="{4100929B-EF2B-49FE-B812-5A83EB37F7EE}" type="presOf" srcId="{353A9C7E-FECD-4B59-A206-16844DAFF353}" destId="{EF5BC22F-E781-4212-8417-3BACFCA045FC}" srcOrd="0" destOrd="0" presId="urn:microsoft.com/office/officeart/2008/layout/LinedList"/>
    <dgm:cxn modelId="{039686C6-03DB-41D3-B5DB-67578D2DE7CF}" type="presOf" srcId="{FC2D70DE-26A9-4CFF-935A-A287881E1B06}" destId="{273A3610-A19C-4D35-85F9-255272B3A2DA}" srcOrd="0" destOrd="0" presId="urn:microsoft.com/office/officeart/2008/layout/LinedList"/>
    <dgm:cxn modelId="{9677A085-80E1-4699-8AD5-2C8B7C74FE1B}" type="presOf" srcId="{1BB5CF12-EACB-4650-A013-978816234BDA}" destId="{20504647-3379-4068-9767-807CA616E1BF}" srcOrd="0" destOrd="0" presId="urn:microsoft.com/office/officeart/2008/layout/LinedList"/>
    <dgm:cxn modelId="{99EC1963-56E6-41CF-A69D-546C921F9622}" type="presParOf" srcId="{EF5BC22F-E781-4212-8417-3BACFCA045FC}" destId="{7DEA9256-655F-4243-A242-1C9E9FB3FAF7}" srcOrd="0" destOrd="0" presId="urn:microsoft.com/office/officeart/2008/layout/LinedList"/>
    <dgm:cxn modelId="{5132069C-8203-49CE-8677-254D7435422E}" type="presParOf" srcId="{EF5BC22F-E781-4212-8417-3BACFCA045FC}" destId="{9FCF0CA8-8CB3-4AE7-AECC-3C79B414A0E8}" srcOrd="1" destOrd="0" presId="urn:microsoft.com/office/officeart/2008/layout/LinedList"/>
    <dgm:cxn modelId="{6DA036A0-2859-41FF-BC95-36ED473A92B5}" type="presParOf" srcId="{9FCF0CA8-8CB3-4AE7-AECC-3C79B414A0E8}" destId="{14DAED6B-C269-4980-96C0-945025A53724}" srcOrd="0" destOrd="0" presId="urn:microsoft.com/office/officeart/2008/layout/LinedList"/>
    <dgm:cxn modelId="{83E0595D-3B27-4B60-A42F-94E9AA8F2EBD}" type="presParOf" srcId="{9FCF0CA8-8CB3-4AE7-AECC-3C79B414A0E8}" destId="{CEB4F45C-F637-444A-8D81-CC9F599378A8}" srcOrd="1" destOrd="0" presId="urn:microsoft.com/office/officeart/2008/layout/LinedList"/>
    <dgm:cxn modelId="{028B788A-EA06-4233-9D58-546960464C5A}" type="presParOf" srcId="{CEB4F45C-F637-444A-8D81-CC9F599378A8}" destId="{755D6BF9-A1F9-4B88-B68C-73E718742B06}" srcOrd="0" destOrd="0" presId="urn:microsoft.com/office/officeart/2008/layout/LinedList"/>
    <dgm:cxn modelId="{A5977FEA-52BF-4D23-BAD1-A038547B6882}" type="presParOf" srcId="{CEB4F45C-F637-444A-8D81-CC9F599378A8}" destId="{02BC398D-68F4-439C-B3A5-B8DF859C8ADA}" srcOrd="1" destOrd="0" presId="urn:microsoft.com/office/officeart/2008/layout/LinedList"/>
    <dgm:cxn modelId="{9B5FE270-3B47-46AA-AD9D-807CD300A7FA}" type="presParOf" srcId="{02BC398D-68F4-439C-B3A5-B8DF859C8ADA}" destId="{DE929518-0522-4917-921F-EDB342E8C2A2}" srcOrd="0" destOrd="0" presId="urn:microsoft.com/office/officeart/2008/layout/LinedList"/>
    <dgm:cxn modelId="{E0E64198-561E-4D27-AAE9-DB92298CD382}" type="presParOf" srcId="{02BC398D-68F4-439C-B3A5-B8DF859C8ADA}" destId="{20504647-3379-4068-9767-807CA616E1BF}" srcOrd="1" destOrd="0" presId="urn:microsoft.com/office/officeart/2008/layout/LinedList"/>
    <dgm:cxn modelId="{C67862DD-AFC1-40DF-8195-3CCB7E9B964A}" type="presParOf" srcId="{02BC398D-68F4-439C-B3A5-B8DF859C8ADA}" destId="{5E6C99A0-C189-4233-8F43-D90AC39B23B3}" srcOrd="2" destOrd="0" presId="urn:microsoft.com/office/officeart/2008/layout/LinedList"/>
    <dgm:cxn modelId="{C0788A4F-32E5-406F-A549-E3CA7894CD00}" type="presParOf" srcId="{CEB4F45C-F637-444A-8D81-CC9F599378A8}" destId="{FF669980-7C13-4707-8929-75215C13F802}" srcOrd="2" destOrd="0" presId="urn:microsoft.com/office/officeart/2008/layout/LinedList"/>
    <dgm:cxn modelId="{7ED6DA60-2F0E-4E90-BA06-74DDFC641ACC}" type="presParOf" srcId="{CEB4F45C-F637-444A-8D81-CC9F599378A8}" destId="{4125B2DB-22AC-46E2-846C-20BA2E400AE1}" srcOrd="3" destOrd="0" presId="urn:microsoft.com/office/officeart/2008/layout/LinedList"/>
    <dgm:cxn modelId="{63058AEF-7E94-4832-9AB1-0D2E750F7F4F}" type="presParOf" srcId="{CEB4F45C-F637-444A-8D81-CC9F599378A8}" destId="{45A27120-D679-4BEE-9B09-C6264AA184AF}" srcOrd="4" destOrd="0" presId="urn:microsoft.com/office/officeart/2008/layout/LinedList"/>
    <dgm:cxn modelId="{E021E9FD-F84C-4CE1-B80A-E4917BB280D1}" type="presParOf" srcId="{45A27120-D679-4BEE-9B09-C6264AA184AF}" destId="{82832DCB-083A-48E2-B2DE-94B14047196B}" srcOrd="0" destOrd="0" presId="urn:microsoft.com/office/officeart/2008/layout/LinedList"/>
    <dgm:cxn modelId="{1F7CD52E-19DC-4FA4-8ED9-3EC490119D42}" type="presParOf" srcId="{45A27120-D679-4BEE-9B09-C6264AA184AF}" destId="{3456ED2F-5CF9-4C53-9C02-348EF2AD7AF7}" srcOrd="1" destOrd="0" presId="urn:microsoft.com/office/officeart/2008/layout/LinedList"/>
    <dgm:cxn modelId="{EA9E3268-5289-4034-B1A8-28701D28CE0A}" type="presParOf" srcId="{45A27120-D679-4BEE-9B09-C6264AA184AF}" destId="{51FC46D8-A0B1-476E-857A-8C7C5774843C}" srcOrd="2" destOrd="0" presId="urn:microsoft.com/office/officeart/2008/layout/LinedList"/>
    <dgm:cxn modelId="{A016C017-C95C-43F5-A03A-0BB704BAD3BD}" type="presParOf" srcId="{CEB4F45C-F637-444A-8D81-CC9F599378A8}" destId="{6C47995F-C2E7-4F2A-A402-347DCC6F67D8}" srcOrd="5" destOrd="0" presId="urn:microsoft.com/office/officeart/2008/layout/LinedList"/>
    <dgm:cxn modelId="{84D3EAA6-5249-42A2-8A32-4452308E5A4D}" type="presParOf" srcId="{CEB4F45C-F637-444A-8D81-CC9F599378A8}" destId="{FC474FBE-766A-45B5-8471-916952EC4A87}" srcOrd="6" destOrd="0" presId="urn:microsoft.com/office/officeart/2008/layout/LinedList"/>
    <dgm:cxn modelId="{7012DC63-A1FD-498C-8B56-AF9D77025FFB}" type="presParOf" srcId="{CEB4F45C-F637-444A-8D81-CC9F599378A8}" destId="{0FF19502-9516-4625-85C9-ABA7194CD71B}" srcOrd="7" destOrd="0" presId="urn:microsoft.com/office/officeart/2008/layout/LinedList"/>
    <dgm:cxn modelId="{BF8C1F2F-ADD9-4779-B6B4-D9806CB7F611}" type="presParOf" srcId="{0FF19502-9516-4625-85C9-ABA7194CD71B}" destId="{046F96E9-6048-4E7E-A7A2-A6B21D83A001}" srcOrd="0" destOrd="0" presId="urn:microsoft.com/office/officeart/2008/layout/LinedList"/>
    <dgm:cxn modelId="{243C0A94-344F-47B1-800D-E29E8FC3F632}" type="presParOf" srcId="{0FF19502-9516-4625-85C9-ABA7194CD71B}" destId="{273A3610-A19C-4D35-85F9-255272B3A2DA}" srcOrd="1" destOrd="0" presId="urn:microsoft.com/office/officeart/2008/layout/LinedList"/>
    <dgm:cxn modelId="{6C363A3C-984F-4B0A-9700-28BA2EA552F7}" type="presParOf" srcId="{0FF19502-9516-4625-85C9-ABA7194CD71B}" destId="{D95A355F-54F7-4AAD-8754-F51BE113FE76}" srcOrd="2" destOrd="0" presId="urn:microsoft.com/office/officeart/2008/layout/LinedList"/>
    <dgm:cxn modelId="{D990DD72-7666-4790-BB07-2511FC87E630}" type="presParOf" srcId="{CEB4F45C-F637-444A-8D81-CC9F599378A8}" destId="{5E6C983D-1A9E-491C-8F17-7A1DA34F6A64}" srcOrd="8" destOrd="0" presId="urn:microsoft.com/office/officeart/2008/layout/LinedList"/>
    <dgm:cxn modelId="{9FF0EBD5-9DC3-4F0D-93B5-A35C91F000F3}" type="presParOf" srcId="{CEB4F45C-F637-444A-8D81-CC9F599378A8}" destId="{C6BEB2D9-160F-4A71-8644-25A950E51FFE}" srcOrd="9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5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pPr algn="l"/>
          <a:endParaRPr lang="es-SV" dirty="0" smtClean="0"/>
        </a:p>
        <a:p>
          <a:pPr algn="l"/>
          <a:endParaRPr lang="es-SV" dirty="0" smtClean="0"/>
        </a:p>
        <a:p>
          <a:pPr algn="ctr"/>
          <a:r>
            <a:rPr lang="es-SV" dirty="0" smtClean="0"/>
            <a:t>Asistencia a poblaciones migrantes vulnerables</a:t>
          </a:r>
        </a:p>
        <a:p>
          <a:pPr algn="ctr"/>
          <a:r>
            <a:rPr lang="es-SV" dirty="0" smtClean="0"/>
            <a:t>Trata y trafico ilícito de personas</a:t>
          </a:r>
        </a:p>
        <a:p>
          <a:pPr algn="l"/>
          <a:endParaRPr lang="es-SV" dirty="0"/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/>
      <dgm:spPr/>
      <dgm:t>
        <a:bodyPr/>
        <a:lstStyle/>
        <a:p>
          <a:r>
            <a:rPr lang="es-SV" dirty="0" smtClean="0"/>
            <a:t>Se fortalecerá la institucionalidad en la región en el marco de la trata de personas y el trafico ilícito de personas. </a:t>
          </a:r>
          <a:endParaRPr lang="es-SV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/>
      <dgm:spPr/>
      <dgm:t>
        <a:bodyPr/>
        <a:lstStyle/>
        <a:p>
          <a:pPr algn="just"/>
          <a:r>
            <a:rPr lang="es-SV" dirty="0" smtClean="0"/>
            <a:t>Se definirán los procedimientos de actuación para la coordinación efectiva y eficaz en la prevención atención y combate al delito de trafico ilícito de migrantes.</a:t>
          </a:r>
          <a:endParaRPr lang="es-SV" dirty="0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FC2D70DE-26A9-4CFF-935A-A287881E1B06}">
      <dgm:prSet phldrT="[Texto]"/>
      <dgm:spPr/>
      <dgm:t>
        <a:bodyPr/>
        <a:lstStyle/>
        <a:p>
          <a:pPr algn="just"/>
          <a:r>
            <a:rPr lang="es-SV" dirty="0" smtClean="0"/>
            <a:t>Se dará asistencia especial a poblaciones migrantes vulnerables entre estos niños, niñas y adolescentes no acompañados, mujeres embarazadas, discapacitados entre otros.</a:t>
          </a:r>
          <a:endParaRPr lang="es-SV" dirty="0"/>
        </a:p>
      </dgm:t>
    </dgm:pt>
    <dgm:pt modelId="{63C817B2-5310-456B-A806-6989B32BC762}" type="parTrans" cxnId="{0FC7AACF-0363-477C-9A23-E505011AE07C}">
      <dgm:prSet/>
      <dgm:spPr/>
      <dgm:t>
        <a:bodyPr/>
        <a:lstStyle/>
        <a:p>
          <a:endParaRPr lang="es-SV"/>
        </a:p>
      </dgm:t>
    </dgm:pt>
    <dgm:pt modelId="{EA40FB3B-1CE5-4F9A-8CBB-D7CA87CB73BF}" type="sibTrans" cxnId="{0FC7AACF-0363-477C-9A23-E505011AE07C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4" custScaleX="126905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4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3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4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3"/>
      <dgm:spPr/>
    </dgm:pt>
    <dgm:pt modelId="{FC474FBE-766A-45B5-8471-916952EC4A87}" type="pres">
      <dgm:prSet presAssocID="{46BC4F50-650E-4DC9-9B77-26D3628504FC}" presName="vertSpace2b" presStyleCnt="0"/>
      <dgm:spPr/>
    </dgm:pt>
    <dgm:pt modelId="{0FF19502-9516-4625-85C9-ABA7194CD71B}" type="pres">
      <dgm:prSet presAssocID="{FC2D70DE-26A9-4CFF-935A-A287881E1B06}" presName="horz2" presStyleCnt="0"/>
      <dgm:spPr/>
    </dgm:pt>
    <dgm:pt modelId="{046F96E9-6048-4E7E-A7A2-A6B21D83A001}" type="pres">
      <dgm:prSet presAssocID="{FC2D70DE-26A9-4CFF-935A-A287881E1B06}" presName="horzSpace2" presStyleCnt="0"/>
      <dgm:spPr/>
    </dgm:pt>
    <dgm:pt modelId="{273A3610-A19C-4D35-85F9-255272B3A2DA}" type="pres">
      <dgm:prSet presAssocID="{FC2D70DE-26A9-4CFF-935A-A287881E1B06}" presName="tx2" presStyleLbl="revTx" presStyleIdx="3" presStyleCnt="4"/>
      <dgm:spPr/>
      <dgm:t>
        <a:bodyPr/>
        <a:lstStyle/>
        <a:p>
          <a:endParaRPr lang="es-SV"/>
        </a:p>
      </dgm:t>
    </dgm:pt>
    <dgm:pt modelId="{D95A355F-54F7-4AAD-8754-F51BE113FE76}" type="pres">
      <dgm:prSet presAssocID="{FC2D70DE-26A9-4CFF-935A-A287881E1B06}" presName="vert2" presStyleCnt="0"/>
      <dgm:spPr/>
    </dgm:pt>
    <dgm:pt modelId="{5E6C983D-1A9E-491C-8F17-7A1DA34F6A64}" type="pres">
      <dgm:prSet presAssocID="{FC2D70DE-26A9-4CFF-935A-A287881E1B06}" presName="thinLine2b" presStyleLbl="callout" presStyleIdx="2" presStyleCnt="3"/>
      <dgm:spPr/>
    </dgm:pt>
    <dgm:pt modelId="{C6BEB2D9-160F-4A71-8644-25A950E51FFE}" type="pres">
      <dgm:prSet presAssocID="{FC2D70DE-26A9-4CFF-935A-A287881E1B06}" presName="vertSpace2b" presStyleCnt="0"/>
      <dgm:spPr/>
    </dgm:pt>
  </dgm:ptLst>
  <dgm:cxnLst>
    <dgm:cxn modelId="{95890BC8-5DFF-4B7E-906D-395010A8CD5C}" type="presOf" srcId="{46BC4F50-650E-4DC9-9B77-26D3628504FC}" destId="{3456ED2F-5CF9-4C53-9C02-348EF2AD7AF7}" srcOrd="0" destOrd="0" presId="urn:microsoft.com/office/officeart/2008/layout/LinedList"/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E2A68C3F-8D17-4FC1-86C4-31FA779AC2A7}" type="presOf" srcId="{1BB5CF12-EACB-4650-A013-978816234BDA}" destId="{20504647-3379-4068-9767-807CA616E1BF}" srcOrd="0" destOrd="0" presId="urn:microsoft.com/office/officeart/2008/layout/LinedList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D1261958-0D61-45BF-8125-1A21A4054A1D}" type="presOf" srcId="{FC2D70DE-26A9-4CFF-935A-A287881E1B06}" destId="{273A3610-A19C-4D35-85F9-255272B3A2DA}" srcOrd="0" destOrd="0" presId="urn:microsoft.com/office/officeart/2008/layout/LinedList"/>
    <dgm:cxn modelId="{0FC7AACF-0363-477C-9A23-E505011AE07C}" srcId="{F35B2D95-A3AF-4812-B643-BA93D934E42E}" destId="{FC2D70DE-26A9-4CFF-935A-A287881E1B06}" srcOrd="2" destOrd="0" parTransId="{63C817B2-5310-456B-A806-6989B32BC762}" sibTransId="{EA40FB3B-1CE5-4F9A-8CBB-D7CA87CB73BF}"/>
    <dgm:cxn modelId="{718FD6BD-4BE5-467C-ADFF-5EB91A88B9B4}" type="presOf" srcId="{F35B2D95-A3AF-4812-B643-BA93D934E42E}" destId="{14DAED6B-C269-4980-96C0-945025A53724}" srcOrd="0" destOrd="0" presId="urn:microsoft.com/office/officeart/2008/layout/LinedList"/>
    <dgm:cxn modelId="{BDE71C4C-436E-4092-8037-3FE0BCEF58C1}" type="presOf" srcId="{353A9C7E-FECD-4B59-A206-16844DAFF353}" destId="{EF5BC22F-E781-4212-8417-3BACFCA045FC}" srcOrd="0" destOrd="0" presId="urn:microsoft.com/office/officeart/2008/layout/LinedList"/>
    <dgm:cxn modelId="{8AB9B576-D153-4727-B4AF-127918928BEA}" type="presParOf" srcId="{EF5BC22F-E781-4212-8417-3BACFCA045FC}" destId="{7DEA9256-655F-4243-A242-1C9E9FB3FAF7}" srcOrd="0" destOrd="0" presId="urn:microsoft.com/office/officeart/2008/layout/LinedList"/>
    <dgm:cxn modelId="{B1CCF5F5-78EC-431F-B0EB-886A0CDD4671}" type="presParOf" srcId="{EF5BC22F-E781-4212-8417-3BACFCA045FC}" destId="{9FCF0CA8-8CB3-4AE7-AECC-3C79B414A0E8}" srcOrd="1" destOrd="0" presId="urn:microsoft.com/office/officeart/2008/layout/LinedList"/>
    <dgm:cxn modelId="{A7F7EC7C-B000-4018-8077-C3F3B1732D84}" type="presParOf" srcId="{9FCF0CA8-8CB3-4AE7-AECC-3C79B414A0E8}" destId="{14DAED6B-C269-4980-96C0-945025A53724}" srcOrd="0" destOrd="0" presId="urn:microsoft.com/office/officeart/2008/layout/LinedList"/>
    <dgm:cxn modelId="{FE08CB7D-AF70-402C-88C2-1FD14DE95CF1}" type="presParOf" srcId="{9FCF0CA8-8CB3-4AE7-AECC-3C79B414A0E8}" destId="{CEB4F45C-F637-444A-8D81-CC9F599378A8}" srcOrd="1" destOrd="0" presId="urn:microsoft.com/office/officeart/2008/layout/LinedList"/>
    <dgm:cxn modelId="{7B5D28D7-F5CD-43AB-8E1C-F013FD226A54}" type="presParOf" srcId="{CEB4F45C-F637-444A-8D81-CC9F599378A8}" destId="{755D6BF9-A1F9-4B88-B68C-73E718742B06}" srcOrd="0" destOrd="0" presId="urn:microsoft.com/office/officeart/2008/layout/LinedList"/>
    <dgm:cxn modelId="{55100DB2-96A3-4103-BACC-13AA9EE52D19}" type="presParOf" srcId="{CEB4F45C-F637-444A-8D81-CC9F599378A8}" destId="{02BC398D-68F4-439C-B3A5-B8DF859C8ADA}" srcOrd="1" destOrd="0" presId="urn:microsoft.com/office/officeart/2008/layout/LinedList"/>
    <dgm:cxn modelId="{BB3A8FFC-5F4D-4171-A5A5-4775A3EF13B2}" type="presParOf" srcId="{02BC398D-68F4-439C-B3A5-B8DF859C8ADA}" destId="{DE929518-0522-4917-921F-EDB342E8C2A2}" srcOrd="0" destOrd="0" presId="urn:microsoft.com/office/officeart/2008/layout/LinedList"/>
    <dgm:cxn modelId="{C83326AF-D78D-4139-8CFB-1627C765A7C2}" type="presParOf" srcId="{02BC398D-68F4-439C-B3A5-B8DF859C8ADA}" destId="{20504647-3379-4068-9767-807CA616E1BF}" srcOrd="1" destOrd="0" presId="urn:microsoft.com/office/officeart/2008/layout/LinedList"/>
    <dgm:cxn modelId="{0F306D0F-B797-4630-81B9-7B3811E1F6B6}" type="presParOf" srcId="{02BC398D-68F4-439C-B3A5-B8DF859C8ADA}" destId="{5E6C99A0-C189-4233-8F43-D90AC39B23B3}" srcOrd="2" destOrd="0" presId="urn:microsoft.com/office/officeart/2008/layout/LinedList"/>
    <dgm:cxn modelId="{4BEBF4DA-7077-4060-9F17-0EEC8F382065}" type="presParOf" srcId="{CEB4F45C-F637-444A-8D81-CC9F599378A8}" destId="{FF669980-7C13-4707-8929-75215C13F802}" srcOrd="2" destOrd="0" presId="urn:microsoft.com/office/officeart/2008/layout/LinedList"/>
    <dgm:cxn modelId="{092E1D4C-5C4F-4887-9CA1-DC6BFF53A2B8}" type="presParOf" srcId="{CEB4F45C-F637-444A-8D81-CC9F599378A8}" destId="{4125B2DB-22AC-46E2-846C-20BA2E400AE1}" srcOrd="3" destOrd="0" presId="urn:microsoft.com/office/officeart/2008/layout/LinedList"/>
    <dgm:cxn modelId="{E49B1689-D7A4-4DF1-893C-99D8E88BEFC6}" type="presParOf" srcId="{CEB4F45C-F637-444A-8D81-CC9F599378A8}" destId="{45A27120-D679-4BEE-9B09-C6264AA184AF}" srcOrd="4" destOrd="0" presId="urn:microsoft.com/office/officeart/2008/layout/LinedList"/>
    <dgm:cxn modelId="{963ABAAD-AB2D-4C5F-9AFB-256856394309}" type="presParOf" srcId="{45A27120-D679-4BEE-9B09-C6264AA184AF}" destId="{82832DCB-083A-48E2-B2DE-94B14047196B}" srcOrd="0" destOrd="0" presId="urn:microsoft.com/office/officeart/2008/layout/LinedList"/>
    <dgm:cxn modelId="{2B6E2417-1247-42FD-B8B5-068B74631966}" type="presParOf" srcId="{45A27120-D679-4BEE-9B09-C6264AA184AF}" destId="{3456ED2F-5CF9-4C53-9C02-348EF2AD7AF7}" srcOrd="1" destOrd="0" presId="urn:microsoft.com/office/officeart/2008/layout/LinedList"/>
    <dgm:cxn modelId="{7773366C-276D-4EFE-B11F-019BCB663DF8}" type="presParOf" srcId="{45A27120-D679-4BEE-9B09-C6264AA184AF}" destId="{51FC46D8-A0B1-476E-857A-8C7C5774843C}" srcOrd="2" destOrd="0" presId="urn:microsoft.com/office/officeart/2008/layout/LinedList"/>
    <dgm:cxn modelId="{A9367707-15BA-4E86-896F-AB7B83FA081D}" type="presParOf" srcId="{CEB4F45C-F637-444A-8D81-CC9F599378A8}" destId="{6C47995F-C2E7-4F2A-A402-347DCC6F67D8}" srcOrd="5" destOrd="0" presId="urn:microsoft.com/office/officeart/2008/layout/LinedList"/>
    <dgm:cxn modelId="{31E7F73F-F4B1-409B-8BA9-A7B9352C5CDB}" type="presParOf" srcId="{CEB4F45C-F637-444A-8D81-CC9F599378A8}" destId="{FC474FBE-766A-45B5-8471-916952EC4A87}" srcOrd="6" destOrd="0" presId="urn:microsoft.com/office/officeart/2008/layout/LinedList"/>
    <dgm:cxn modelId="{041F17DB-F703-45BE-BE6A-05026DEDDB3D}" type="presParOf" srcId="{CEB4F45C-F637-444A-8D81-CC9F599378A8}" destId="{0FF19502-9516-4625-85C9-ABA7194CD71B}" srcOrd="7" destOrd="0" presId="urn:microsoft.com/office/officeart/2008/layout/LinedList"/>
    <dgm:cxn modelId="{C1FA6E27-C4D1-4D9E-BA87-A706025C2CAF}" type="presParOf" srcId="{0FF19502-9516-4625-85C9-ABA7194CD71B}" destId="{046F96E9-6048-4E7E-A7A2-A6B21D83A001}" srcOrd="0" destOrd="0" presId="urn:microsoft.com/office/officeart/2008/layout/LinedList"/>
    <dgm:cxn modelId="{EDBEFB64-5448-4481-9040-1EE2A23F60F0}" type="presParOf" srcId="{0FF19502-9516-4625-85C9-ABA7194CD71B}" destId="{273A3610-A19C-4D35-85F9-255272B3A2DA}" srcOrd="1" destOrd="0" presId="urn:microsoft.com/office/officeart/2008/layout/LinedList"/>
    <dgm:cxn modelId="{D63452D7-CE96-46B8-9296-B9301C8BE5F5}" type="presParOf" srcId="{0FF19502-9516-4625-85C9-ABA7194CD71B}" destId="{D95A355F-54F7-4AAD-8754-F51BE113FE76}" srcOrd="2" destOrd="0" presId="urn:microsoft.com/office/officeart/2008/layout/LinedList"/>
    <dgm:cxn modelId="{23B55CCB-34E0-422C-B8B5-E05DAEE51C6C}" type="presParOf" srcId="{CEB4F45C-F637-444A-8D81-CC9F599378A8}" destId="{5E6C983D-1A9E-491C-8F17-7A1DA34F6A64}" srcOrd="8" destOrd="0" presId="urn:microsoft.com/office/officeart/2008/layout/LinedList"/>
    <dgm:cxn modelId="{4E710D07-81FF-4BAC-82BC-5155F7B8FF3E}" type="presParOf" srcId="{CEB4F45C-F637-444A-8D81-CC9F599378A8}" destId="{C6BEB2D9-160F-4A71-8644-25A950E51FFE}" srcOrd="9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6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endParaRPr lang="es-SV" dirty="0" smtClean="0"/>
        </a:p>
        <a:p>
          <a:endParaRPr lang="es-SV" dirty="0" smtClean="0"/>
        </a:p>
        <a:p>
          <a:endParaRPr lang="es-SV" dirty="0" smtClean="0"/>
        </a:p>
        <a:p>
          <a:r>
            <a:rPr lang="es-SV" dirty="0" smtClean="0"/>
            <a:t>Migración extra-regional</a:t>
          </a:r>
        </a:p>
        <a:p>
          <a:endParaRPr lang="es-SV" dirty="0"/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/>
      <dgm:spPr/>
      <dgm:t>
        <a:bodyPr/>
        <a:lstStyle/>
        <a:p>
          <a:endParaRPr lang="es-SV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/>
      <dgm:spPr/>
      <dgm:t>
        <a:bodyPr/>
        <a:lstStyle/>
        <a:p>
          <a:pPr algn="just"/>
          <a:r>
            <a:rPr lang="es-SV" dirty="0" smtClean="0"/>
            <a:t>Se iniciará un dialogo regional para la definición de acciones conjuntas en respuesta a la migración extra-regionales hacia Centroamérica.</a:t>
          </a:r>
        </a:p>
        <a:p>
          <a:pPr algn="just"/>
          <a:r>
            <a:rPr lang="es-SV" dirty="0" smtClean="0"/>
            <a:t>Creación de consulados conjuntos (Guatemala –El salvador</a:t>
          </a:r>
          <a:endParaRPr lang="es-SV" dirty="0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FC2D70DE-26A9-4CFF-935A-A287881E1B06}">
      <dgm:prSet phldrT="[Texto]"/>
      <dgm:spPr/>
      <dgm:t>
        <a:bodyPr/>
        <a:lstStyle/>
        <a:p>
          <a:endParaRPr lang="es-SV" dirty="0"/>
        </a:p>
      </dgm:t>
    </dgm:pt>
    <dgm:pt modelId="{63C817B2-5310-456B-A806-6989B32BC762}" type="parTrans" cxnId="{0FC7AACF-0363-477C-9A23-E505011AE07C}">
      <dgm:prSet/>
      <dgm:spPr/>
      <dgm:t>
        <a:bodyPr/>
        <a:lstStyle/>
        <a:p>
          <a:endParaRPr lang="es-SV"/>
        </a:p>
      </dgm:t>
    </dgm:pt>
    <dgm:pt modelId="{EA40FB3B-1CE5-4F9A-8CBB-D7CA87CB73BF}" type="sibTrans" cxnId="{0FC7AACF-0363-477C-9A23-E505011AE07C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4" custScaleX="126905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4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3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4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3"/>
      <dgm:spPr/>
    </dgm:pt>
    <dgm:pt modelId="{FC474FBE-766A-45B5-8471-916952EC4A87}" type="pres">
      <dgm:prSet presAssocID="{46BC4F50-650E-4DC9-9B77-26D3628504FC}" presName="vertSpace2b" presStyleCnt="0"/>
      <dgm:spPr/>
    </dgm:pt>
    <dgm:pt modelId="{0FF19502-9516-4625-85C9-ABA7194CD71B}" type="pres">
      <dgm:prSet presAssocID="{FC2D70DE-26A9-4CFF-935A-A287881E1B06}" presName="horz2" presStyleCnt="0"/>
      <dgm:spPr/>
    </dgm:pt>
    <dgm:pt modelId="{046F96E9-6048-4E7E-A7A2-A6B21D83A001}" type="pres">
      <dgm:prSet presAssocID="{FC2D70DE-26A9-4CFF-935A-A287881E1B06}" presName="horzSpace2" presStyleCnt="0"/>
      <dgm:spPr/>
    </dgm:pt>
    <dgm:pt modelId="{273A3610-A19C-4D35-85F9-255272B3A2DA}" type="pres">
      <dgm:prSet presAssocID="{FC2D70DE-26A9-4CFF-935A-A287881E1B06}" presName="tx2" presStyleLbl="revTx" presStyleIdx="3" presStyleCnt="4"/>
      <dgm:spPr/>
      <dgm:t>
        <a:bodyPr/>
        <a:lstStyle/>
        <a:p>
          <a:endParaRPr lang="es-SV"/>
        </a:p>
      </dgm:t>
    </dgm:pt>
    <dgm:pt modelId="{D95A355F-54F7-4AAD-8754-F51BE113FE76}" type="pres">
      <dgm:prSet presAssocID="{FC2D70DE-26A9-4CFF-935A-A287881E1B06}" presName="vert2" presStyleCnt="0"/>
      <dgm:spPr/>
    </dgm:pt>
    <dgm:pt modelId="{5E6C983D-1A9E-491C-8F17-7A1DA34F6A64}" type="pres">
      <dgm:prSet presAssocID="{FC2D70DE-26A9-4CFF-935A-A287881E1B06}" presName="thinLine2b" presStyleLbl="callout" presStyleIdx="2" presStyleCnt="3"/>
      <dgm:spPr/>
    </dgm:pt>
    <dgm:pt modelId="{C6BEB2D9-160F-4A71-8644-25A950E51FFE}" type="pres">
      <dgm:prSet presAssocID="{FC2D70DE-26A9-4CFF-935A-A287881E1B06}" presName="vertSpace2b" presStyleCnt="0"/>
      <dgm:spPr/>
    </dgm:pt>
  </dgm:ptLst>
  <dgm:cxnLst>
    <dgm:cxn modelId="{A66091FB-02AF-4F7A-B5E0-2DEFDFCA4D43}" type="presOf" srcId="{FC2D70DE-26A9-4CFF-935A-A287881E1B06}" destId="{273A3610-A19C-4D35-85F9-255272B3A2DA}" srcOrd="0" destOrd="0" presId="urn:microsoft.com/office/officeart/2008/layout/LinedList"/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61E14BDF-4D5A-444D-A6E5-18B995A92759}" type="presOf" srcId="{F35B2D95-A3AF-4812-B643-BA93D934E42E}" destId="{14DAED6B-C269-4980-96C0-945025A53724}" srcOrd="0" destOrd="0" presId="urn:microsoft.com/office/officeart/2008/layout/LinedList"/>
    <dgm:cxn modelId="{F555C640-19D5-4F1C-B069-F12E52285E82}" type="presOf" srcId="{353A9C7E-FECD-4B59-A206-16844DAFF353}" destId="{EF5BC22F-E781-4212-8417-3BACFCA045FC}" srcOrd="0" destOrd="0" presId="urn:microsoft.com/office/officeart/2008/layout/LinedList"/>
    <dgm:cxn modelId="{0FC7AACF-0363-477C-9A23-E505011AE07C}" srcId="{F35B2D95-A3AF-4812-B643-BA93D934E42E}" destId="{FC2D70DE-26A9-4CFF-935A-A287881E1B06}" srcOrd="2" destOrd="0" parTransId="{63C817B2-5310-456B-A806-6989B32BC762}" sibTransId="{EA40FB3B-1CE5-4F9A-8CBB-D7CA87CB73BF}"/>
    <dgm:cxn modelId="{8A39C20B-DA7B-41E3-BD76-285599061BD6}" type="presOf" srcId="{1BB5CF12-EACB-4650-A013-978816234BDA}" destId="{20504647-3379-4068-9767-807CA616E1BF}" srcOrd="0" destOrd="0" presId="urn:microsoft.com/office/officeart/2008/layout/LinedList"/>
    <dgm:cxn modelId="{41744CCF-C83B-43CC-83FD-9419551A7C07}" type="presOf" srcId="{46BC4F50-650E-4DC9-9B77-26D3628504FC}" destId="{3456ED2F-5CF9-4C53-9C02-348EF2AD7AF7}" srcOrd="0" destOrd="0" presId="urn:microsoft.com/office/officeart/2008/layout/LinedList"/>
    <dgm:cxn modelId="{011B48C1-4339-4984-AE8B-6A22ADE85312}" type="presParOf" srcId="{EF5BC22F-E781-4212-8417-3BACFCA045FC}" destId="{7DEA9256-655F-4243-A242-1C9E9FB3FAF7}" srcOrd="0" destOrd="0" presId="urn:microsoft.com/office/officeart/2008/layout/LinedList"/>
    <dgm:cxn modelId="{13A2E03D-4594-48D9-AC4D-91A3B5341AA6}" type="presParOf" srcId="{EF5BC22F-E781-4212-8417-3BACFCA045FC}" destId="{9FCF0CA8-8CB3-4AE7-AECC-3C79B414A0E8}" srcOrd="1" destOrd="0" presId="urn:microsoft.com/office/officeart/2008/layout/LinedList"/>
    <dgm:cxn modelId="{2B5888A3-CEFD-4923-BD20-7994EAAC02F4}" type="presParOf" srcId="{9FCF0CA8-8CB3-4AE7-AECC-3C79B414A0E8}" destId="{14DAED6B-C269-4980-96C0-945025A53724}" srcOrd="0" destOrd="0" presId="urn:microsoft.com/office/officeart/2008/layout/LinedList"/>
    <dgm:cxn modelId="{19C048CE-FF16-4A4E-BDC5-9182C2134F44}" type="presParOf" srcId="{9FCF0CA8-8CB3-4AE7-AECC-3C79B414A0E8}" destId="{CEB4F45C-F637-444A-8D81-CC9F599378A8}" srcOrd="1" destOrd="0" presId="urn:microsoft.com/office/officeart/2008/layout/LinedList"/>
    <dgm:cxn modelId="{01BF4F9B-BFC2-4717-A388-233D5895FFFB}" type="presParOf" srcId="{CEB4F45C-F637-444A-8D81-CC9F599378A8}" destId="{755D6BF9-A1F9-4B88-B68C-73E718742B06}" srcOrd="0" destOrd="0" presId="urn:microsoft.com/office/officeart/2008/layout/LinedList"/>
    <dgm:cxn modelId="{6F2A1E68-7F29-457E-93D2-4A154CF36310}" type="presParOf" srcId="{CEB4F45C-F637-444A-8D81-CC9F599378A8}" destId="{02BC398D-68F4-439C-B3A5-B8DF859C8ADA}" srcOrd="1" destOrd="0" presId="urn:microsoft.com/office/officeart/2008/layout/LinedList"/>
    <dgm:cxn modelId="{7C55B994-B19E-4445-B5A9-DFD20A7359FA}" type="presParOf" srcId="{02BC398D-68F4-439C-B3A5-B8DF859C8ADA}" destId="{DE929518-0522-4917-921F-EDB342E8C2A2}" srcOrd="0" destOrd="0" presId="urn:microsoft.com/office/officeart/2008/layout/LinedList"/>
    <dgm:cxn modelId="{A275BE11-D439-4AA8-A02F-9377F8E21FDE}" type="presParOf" srcId="{02BC398D-68F4-439C-B3A5-B8DF859C8ADA}" destId="{20504647-3379-4068-9767-807CA616E1BF}" srcOrd="1" destOrd="0" presId="urn:microsoft.com/office/officeart/2008/layout/LinedList"/>
    <dgm:cxn modelId="{54FF9534-C552-4939-BCC1-6D06709A9FCE}" type="presParOf" srcId="{02BC398D-68F4-439C-B3A5-B8DF859C8ADA}" destId="{5E6C99A0-C189-4233-8F43-D90AC39B23B3}" srcOrd="2" destOrd="0" presId="urn:microsoft.com/office/officeart/2008/layout/LinedList"/>
    <dgm:cxn modelId="{ED097168-DD73-482C-B6BB-4289B8815451}" type="presParOf" srcId="{CEB4F45C-F637-444A-8D81-CC9F599378A8}" destId="{FF669980-7C13-4707-8929-75215C13F802}" srcOrd="2" destOrd="0" presId="urn:microsoft.com/office/officeart/2008/layout/LinedList"/>
    <dgm:cxn modelId="{7A5E571E-B6DB-4667-9795-28226BA75F9F}" type="presParOf" srcId="{CEB4F45C-F637-444A-8D81-CC9F599378A8}" destId="{4125B2DB-22AC-46E2-846C-20BA2E400AE1}" srcOrd="3" destOrd="0" presId="urn:microsoft.com/office/officeart/2008/layout/LinedList"/>
    <dgm:cxn modelId="{B4D441FA-0F2B-4424-92CB-8A243135CC6C}" type="presParOf" srcId="{CEB4F45C-F637-444A-8D81-CC9F599378A8}" destId="{45A27120-D679-4BEE-9B09-C6264AA184AF}" srcOrd="4" destOrd="0" presId="urn:microsoft.com/office/officeart/2008/layout/LinedList"/>
    <dgm:cxn modelId="{5FE5D1CA-9B45-4205-B11A-8B5171A63A7D}" type="presParOf" srcId="{45A27120-D679-4BEE-9B09-C6264AA184AF}" destId="{82832DCB-083A-48E2-B2DE-94B14047196B}" srcOrd="0" destOrd="0" presId="urn:microsoft.com/office/officeart/2008/layout/LinedList"/>
    <dgm:cxn modelId="{1F769186-E468-4DF2-92FF-30455D5E5B5C}" type="presParOf" srcId="{45A27120-D679-4BEE-9B09-C6264AA184AF}" destId="{3456ED2F-5CF9-4C53-9C02-348EF2AD7AF7}" srcOrd="1" destOrd="0" presId="urn:microsoft.com/office/officeart/2008/layout/LinedList"/>
    <dgm:cxn modelId="{58CBBBE5-A10A-4F62-84B6-FD47F32956D5}" type="presParOf" srcId="{45A27120-D679-4BEE-9B09-C6264AA184AF}" destId="{51FC46D8-A0B1-476E-857A-8C7C5774843C}" srcOrd="2" destOrd="0" presId="urn:microsoft.com/office/officeart/2008/layout/LinedList"/>
    <dgm:cxn modelId="{A1C9AA23-F9B6-469D-B2C9-E0919253B192}" type="presParOf" srcId="{CEB4F45C-F637-444A-8D81-CC9F599378A8}" destId="{6C47995F-C2E7-4F2A-A402-347DCC6F67D8}" srcOrd="5" destOrd="0" presId="urn:microsoft.com/office/officeart/2008/layout/LinedList"/>
    <dgm:cxn modelId="{8CB0787B-2BA2-4AE1-AB3A-DB5AD3484F43}" type="presParOf" srcId="{CEB4F45C-F637-444A-8D81-CC9F599378A8}" destId="{FC474FBE-766A-45B5-8471-916952EC4A87}" srcOrd="6" destOrd="0" presId="urn:microsoft.com/office/officeart/2008/layout/LinedList"/>
    <dgm:cxn modelId="{E9CCD686-0A5C-4FFA-B5D2-EACA788B9722}" type="presParOf" srcId="{CEB4F45C-F637-444A-8D81-CC9F599378A8}" destId="{0FF19502-9516-4625-85C9-ABA7194CD71B}" srcOrd="7" destOrd="0" presId="urn:microsoft.com/office/officeart/2008/layout/LinedList"/>
    <dgm:cxn modelId="{F6ECA230-AB84-4C67-9422-74ADA9615C20}" type="presParOf" srcId="{0FF19502-9516-4625-85C9-ABA7194CD71B}" destId="{046F96E9-6048-4E7E-A7A2-A6B21D83A001}" srcOrd="0" destOrd="0" presId="urn:microsoft.com/office/officeart/2008/layout/LinedList"/>
    <dgm:cxn modelId="{23B8860E-43F8-4CF9-AAF1-6D13CE8DEECA}" type="presParOf" srcId="{0FF19502-9516-4625-85C9-ABA7194CD71B}" destId="{273A3610-A19C-4D35-85F9-255272B3A2DA}" srcOrd="1" destOrd="0" presId="urn:microsoft.com/office/officeart/2008/layout/LinedList"/>
    <dgm:cxn modelId="{804DF314-73BD-4290-8E73-4979A954FC08}" type="presParOf" srcId="{0FF19502-9516-4625-85C9-ABA7194CD71B}" destId="{D95A355F-54F7-4AAD-8754-F51BE113FE76}" srcOrd="2" destOrd="0" presId="urn:microsoft.com/office/officeart/2008/layout/LinedList"/>
    <dgm:cxn modelId="{8DFCB167-62AC-4537-B951-CC3BBD0AB007}" type="presParOf" srcId="{CEB4F45C-F637-444A-8D81-CC9F599378A8}" destId="{5E6C983D-1A9E-491C-8F17-7A1DA34F6A64}" srcOrd="8" destOrd="0" presId="urn:microsoft.com/office/officeart/2008/layout/LinedList"/>
    <dgm:cxn modelId="{49843387-D453-471E-B3FB-36428B52AD10}" type="presParOf" srcId="{CEB4F45C-F637-444A-8D81-CC9F599378A8}" destId="{C6BEB2D9-160F-4A71-8644-25A950E51FFE}" srcOrd="9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7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pPr>
            <a:lnSpc>
              <a:spcPct val="90000"/>
            </a:lnSpc>
          </a:pPr>
          <a:endParaRPr lang="es-SV" dirty="0" smtClean="0"/>
        </a:p>
        <a:p>
          <a:pPr>
            <a:lnSpc>
              <a:spcPct val="90000"/>
            </a:lnSpc>
          </a:pPr>
          <a:endParaRPr lang="es-SV" dirty="0" smtClean="0"/>
        </a:p>
        <a:p>
          <a:pPr>
            <a:lnSpc>
              <a:spcPct val="90000"/>
            </a:lnSpc>
          </a:pPr>
          <a:endParaRPr lang="es-SV" dirty="0" smtClean="0"/>
        </a:p>
        <a:p>
          <a:pPr>
            <a:lnSpc>
              <a:spcPct val="150000"/>
            </a:lnSpc>
          </a:pPr>
          <a:endParaRPr lang="es-SV" b="1" dirty="0" smtClean="0"/>
        </a:p>
        <a:p>
          <a:pPr>
            <a:lnSpc>
              <a:spcPct val="150000"/>
            </a:lnSpc>
          </a:pPr>
          <a:r>
            <a:rPr lang="es-SV" b="1" dirty="0" smtClean="0"/>
            <a:t>Postura de la región a nivel internacional</a:t>
          </a:r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/>
      <dgm:spPr/>
      <dgm:t>
        <a:bodyPr/>
        <a:lstStyle/>
        <a:p>
          <a:pPr algn="just"/>
          <a:r>
            <a:rPr lang="es-SV" dirty="0" smtClean="0"/>
            <a:t>Se definirán acciones conjuntas orientadas a la generación de un posicionamiento regional sobre ciertos temas. </a:t>
          </a:r>
          <a:endParaRPr lang="es-SV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/>
      <dgm:spPr/>
      <dgm:t>
        <a:bodyPr/>
        <a:lstStyle/>
        <a:p>
          <a:pPr algn="just"/>
          <a:r>
            <a:rPr lang="es-SV" dirty="0" smtClean="0"/>
            <a:t>Se fomentarán acciones orientadas a fortalecer las capacidades de negociación de la región a nivel internacional.</a:t>
          </a:r>
          <a:endParaRPr lang="es-SV" dirty="0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FC2D70DE-26A9-4CFF-935A-A287881E1B06}">
      <dgm:prSet phldrT="[Texto]"/>
      <dgm:spPr/>
      <dgm:t>
        <a:bodyPr/>
        <a:lstStyle/>
        <a:p>
          <a:pPr algn="just"/>
          <a:r>
            <a:rPr lang="es-SV" dirty="0" smtClean="0"/>
            <a:t>Se impulsar acciones orientadas a fortalecer el vinculo entre los países de la región y sus connacionales en el exterior. </a:t>
          </a:r>
          <a:endParaRPr lang="es-SV" dirty="0"/>
        </a:p>
      </dgm:t>
    </dgm:pt>
    <dgm:pt modelId="{63C817B2-5310-456B-A806-6989B32BC762}" type="parTrans" cxnId="{0FC7AACF-0363-477C-9A23-E505011AE07C}">
      <dgm:prSet/>
      <dgm:spPr/>
      <dgm:t>
        <a:bodyPr/>
        <a:lstStyle/>
        <a:p>
          <a:endParaRPr lang="es-SV"/>
        </a:p>
      </dgm:t>
    </dgm:pt>
    <dgm:pt modelId="{EA40FB3B-1CE5-4F9A-8CBB-D7CA87CB73BF}" type="sibTrans" cxnId="{0FC7AACF-0363-477C-9A23-E505011AE07C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4" custScaleX="116940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4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3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4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3"/>
      <dgm:spPr/>
    </dgm:pt>
    <dgm:pt modelId="{FC474FBE-766A-45B5-8471-916952EC4A87}" type="pres">
      <dgm:prSet presAssocID="{46BC4F50-650E-4DC9-9B77-26D3628504FC}" presName="vertSpace2b" presStyleCnt="0"/>
      <dgm:spPr/>
    </dgm:pt>
    <dgm:pt modelId="{0FF19502-9516-4625-85C9-ABA7194CD71B}" type="pres">
      <dgm:prSet presAssocID="{FC2D70DE-26A9-4CFF-935A-A287881E1B06}" presName="horz2" presStyleCnt="0"/>
      <dgm:spPr/>
    </dgm:pt>
    <dgm:pt modelId="{046F96E9-6048-4E7E-A7A2-A6B21D83A001}" type="pres">
      <dgm:prSet presAssocID="{FC2D70DE-26A9-4CFF-935A-A287881E1B06}" presName="horzSpace2" presStyleCnt="0"/>
      <dgm:spPr/>
    </dgm:pt>
    <dgm:pt modelId="{273A3610-A19C-4D35-85F9-255272B3A2DA}" type="pres">
      <dgm:prSet presAssocID="{FC2D70DE-26A9-4CFF-935A-A287881E1B06}" presName="tx2" presStyleLbl="revTx" presStyleIdx="3" presStyleCnt="4"/>
      <dgm:spPr/>
      <dgm:t>
        <a:bodyPr/>
        <a:lstStyle/>
        <a:p>
          <a:endParaRPr lang="es-SV"/>
        </a:p>
      </dgm:t>
    </dgm:pt>
    <dgm:pt modelId="{D95A355F-54F7-4AAD-8754-F51BE113FE76}" type="pres">
      <dgm:prSet presAssocID="{FC2D70DE-26A9-4CFF-935A-A287881E1B06}" presName="vert2" presStyleCnt="0"/>
      <dgm:spPr/>
    </dgm:pt>
    <dgm:pt modelId="{5E6C983D-1A9E-491C-8F17-7A1DA34F6A64}" type="pres">
      <dgm:prSet presAssocID="{FC2D70DE-26A9-4CFF-935A-A287881E1B06}" presName="thinLine2b" presStyleLbl="callout" presStyleIdx="2" presStyleCnt="3"/>
      <dgm:spPr/>
    </dgm:pt>
    <dgm:pt modelId="{C6BEB2D9-160F-4A71-8644-25A950E51FFE}" type="pres">
      <dgm:prSet presAssocID="{FC2D70DE-26A9-4CFF-935A-A287881E1B06}" presName="vertSpace2b" presStyleCnt="0"/>
      <dgm:spPr/>
    </dgm:pt>
  </dgm:ptLst>
  <dgm:cxnLst>
    <dgm:cxn modelId="{9C2F1344-F824-4685-9F6A-525A5A871228}" type="presOf" srcId="{1BB5CF12-EACB-4650-A013-978816234BDA}" destId="{20504647-3379-4068-9767-807CA616E1BF}" srcOrd="0" destOrd="0" presId="urn:microsoft.com/office/officeart/2008/layout/LinedList"/>
    <dgm:cxn modelId="{D5A5BE8C-DBCD-428D-85C9-738165D6C612}" type="presOf" srcId="{46BC4F50-650E-4DC9-9B77-26D3628504FC}" destId="{3456ED2F-5CF9-4C53-9C02-348EF2AD7AF7}" srcOrd="0" destOrd="0" presId="urn:microsoft.com/office/officeart/2008/layout/LinedList"/>
    <dgm:cxn modelId="{7BF602E3-45AF-47D4-9AE1-433D7783333D}" type="presOf" srcId="{F35B2D95-A3AF-4812-B643-BA93D934E42E}" destId="{14DAED6B-C269-4980-96C0-945025A53724}" srcOrd="0" destOrd="0" presId="urn:microsoft.com/office/officeart/2008/layout/LinedList"/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44469E7D-FA74-4595-B182-28E4BCB8F240}" type="presOf" srcId="{FC2D70DE-26A9-4CFF-935A-A287881E1B06}" destId="{273A3610-A19C-4D35-85F9-255272B3A2DA}" srcOrd="0" destOrd="0" presId="urn:microsoft.com/office/officeart/2008/layout/LinedList"/>
    <dgm:cxn modelId="{751CA6ED-180A-4F39-9F2F-9E5ADDE65451}" type="presOf" srcId="{353A9C7E-FECD-4B59-A206-16844DAFF353}" destId="{EF5BC22F-E781-4212-8417-3BACFCA045FC}" srcOrd="0" destOrd="0" presId="urn:microsoft.com/office/officeart/2008/layout/LinedList"/>
    <dgm:cxn modelId="{0FC7AACF-0363-477C-9A23-E505011AE07C}" srcId="{F35B2D95-A3AF-4812-B643-BA93D934E42E}" destId="{FC2D70DE-26A9-4CFF-935A-A287881E1B06}" srcOrd="2" destOrd="0" parTransId="{63C817B2-5310-456B-A806-6989B32BC762}" sibTransId="{EA40FB3B-1CE5-4F9A-8CBB-D7CA87CB73BF}"/>
    <dgm:cxn modelId="{2D5D15A1-ED61-45A0-829B-1BDBAF5458DE}" type="presParOf" srcId="{EF5BC22F-E781-4212-8417-3BACFCA045FC}" destId="{7DEA9256-655F-4243-A242-1C9E9FB3FAF7}" srcOrd="0" destOrd="0" presId="urn:microsoft.com/office/officeart/2008/layout/LinedList"/>
    <dgm:cxn modelId="{730F256C-4A4A-4367-B2C8-FC768D26751A}" type="presParOf" srcId="{EF5BC22F-E781-4212-8417-3BACFCA045FC}" destId="{9FCF0CA8-8CB3-4AE7-AECC-3C79B414A0E8}" srcOrd="1" destOrd="0" presId="urn:microsoft.com/office/officeart/2008/layout/LinedList"/>
    <dgm:cxn modelId="{BE2968FB-D3C6-4B31-A428-80755740E630}" type="presParOf" srcId="{9FCF0CA8-8CB3-4AE7-AECC-3C79B414A0E8}" destId="{14DAED6B-C269-4980-96C0-945025A53724}" srcOrd="0" destOrd="0" presId="urn:microsoft.com/office/officeart/2008/layout/LinedList"/>
    <dgm:cxn modelId="{041D4B44-3C12-4A35-A073-6B90B3A4C8AD}" type="presParOf" srcId="{9FCF0CA8-8CB3-4AE7-AECC-3C79B414A0E8}" destId="{CEB4F45C-F637-444A-8D81-CC9F599378A8}" srcOrd="1" destOrd="0" presId="urn:microsoft.com/office/officeart/2008/layout/LinedList"/>
    <dgm:cxn modelId="{0FB1BA86-690A-44DA-8EA4-BE4D9A6247B5}" type="presParOf" srcId="{CEB4F45C-F637-444A-8D81-CC9F599378A8}" destId="{755D6BF9-A1F9-4B88-B68C-73E718742B06}" srcOrd="0" destOrd="0" presId="urn:microsoft.com/office/officeart/2008/layout/LinedList"/>
    <dgm:cxn modelId="{5379F6A1-B45A-4C14-88A5-57F44D47246C}" type="presParOf" srcId="{CEB4F45C-F637-444A-8D81-CC9F599378A8}" destId="{02BC398D-68F4-439C-B3A5-B8DF859C8ADA}" srcOrd="1" destOrd="0" presId="urn:microsoft.com/office/officeart/2008/layout/LinedList"/>
    <dgm:cxn modelId="{F1AC7BC6-4356-40F9-87D1-DDBE8B790629}" type="presParOf" srcId="{02BC398D-68F4-439C-B3A5-B8DF859C8ADA}" destId="{DE929518-0522-4917-921F-EDB342E8C2A2}" srcOrd="0" destOrd="0" presId="urn:microsoft.com/office/officeart/2008/layout/LinedList"/>
    <dgm:cxn modelId="{0F509F08-6FA4-4528-A450-546ED2D572D6}" type="presParOf" srcId="{02BC398D-68F4-439C-B3A5-B8DF859C8ADA}" destId="{20504647-3379-4068-9767-807CA616E1BF}" srcOrd="1" destOrd="0" presId="urn:microsoft.com/office/officeart/2008/layout/LinedList"/>
    <dgm:cxn modelId="{5D708A37-41FC-42D0-B504-5DB6B9779587}" type="presParOf" srcId="{02BC398D-68F4-439C-B3A5-B8DF859C8ADA}" destId="{5E6C99A0-C189-4233-8F43-D90AC39B23B3}" srcOrd="2" destOrd="0" presId="urn:microsoft.com/office/officeart/2008/layout/LinedList"/>
    <dgm:cxn modelId="{4562C7EC-B88B-4961-B6D7-71689614E9D3}" type="presParOf" srcId="{CEB4F45C-F637-444A-8D81-CC9F599378A8}" destId="{FF669980-7C13-4707-8929-75215C13F802}" srcOrd="2" destOrd="0" presId="urn:microsoft.com/office/officeart/2008/layout/LinedList"/>
    <dgm:cxn modelId="{DEB553A2-B16E-4A14-BAC7-5A0D85700F53}" type="presParOf" srcId="{CEB4F45C-F637-444A-8D81-CC9F599378A8}" destId="{4125B2DB-22AC-46E2-846C-20BA2E400AE1}" srcOrd="3" destOrd="0" presId="urn:microsoft.com/office/officeart/2008/layout/LinedList"/>
    <dgm:cxn modelId="{BED1B14C-A1A1-401E-917E-7C1215BB550F}" type="presParOf" srcId="{CEB4F45C-F637-444A-8D81-CC9F599378A8}" destId="{45A27120-D679-4BEE-9B09-C6264AA184AF}" srcOrd="4" destOrd="0" presId="urn:microsoft.com/office/officeart/2008/layout/LinedList"/>
    <dgm:cxn modelId="{88C50BB2-186F-4DB1-98DA-B7A2D5D08EF9}" type="presParOf" srcId="{45A27120-D679-4BEE-9B09-C6264AA184AF}" destId="{82832DCB-083A-48E2-B2DE-94B14047196B}" srcOrd="0" destOrd="0" presId="urn:microsoft.com/office/officeart/2008/layout/LinedList"/>
    <dgm:cxn modelId="{3B71584C-C40A-4B5B-911A-5F40EDA11AC4}" type="presParOf" srcId="{45A27120-D679-4BEE-9B09-C6264AA184AF}" destId="{3456ED2F-5CF9-4C53-9C02-348EF2AD7AF7}" srcOrd="1" destOrd="0" presId="urn:microsoft.com/office/officeart/2008/layout/LinedList"/>
    <dgm:cxn modelId="{A15B0108-0701-47D1-9216-DBF4E16FCC96}" type="presParOf" srcId="{45A27120-D679-4BEE-9B09-C6264AA184AF}" destId="{51FC46D8-A0B1-476E-857A-8C7C5774843C}" srcOrd="2" destOrd="0" presId="urn:microsoft.com/office/officeart/2008/layout/LinedList"/>
    <dgm:cxn modelId="{4117B066-165E-41BF-90F7-6E75FA5D9078}" type="presParOf" srcId="{CEB4F45C-F637-444A-8D81-CC9F599378A8}" destId="{6C47995F-C2E7-4F2A-A402-347DCC6F67D8}" srcOrd="5" destOrd="0" presId="urn:microsoft.com/office/officeart/2008/layout/LinedList"/>
    <dgm:cxn modelId="{A7351F41-5FCD-4A38-BB9D-92458BFC65FC}" type="presParOf" srcId="{CEB4F45C-F637-444A-8D81-CC9F599378A8}" destId="{FC474FBE-766A-45B5-8471-916952EC4A87}" srcOrd="6" destOrd="0" presId="urn:microsoft.com/office/officeart/2008/layout/LinedList"/>
    <dgm:cxn modelId="{DD38F182-6E39-47BF-87D4-45FE4318EE3F}" type="presParOf" srcId="{CEB4F45C-F637-444A-8D81-CC9F599378A8}" destId="{0FF19502-9516-4625-85C9-ABA7194CD71B}" srcOrd="7" destOrd="0" presId="urn:microsoft.com/office/officeart/2008/layout/LinedList"/>
    <dgm:cxn modelId="{0A3649FC-F5B6-4C94-99ED-97D2E5EE9A50}" type="presParOf" srcId="{0FF19502-9516-4625-85C9-ABA7194CD71B}" destId="{046F96E9-6048-4E7E-A7A2-A6B21D83A001}" srcOrd="0" destOrd="0" presId="urn:microsoft.com/office/officeart/2008/layout/LinedList"/>
    <dgm:cxn modelId="{948ACDA9-BBE1-4E59-B6B6-2B4AFEE518EF}" type="presParOf" srcId="{0FF19502-9516-4625-85C9-ABA7194CD71B}" destId="{273A3610-A19C-4D35-85F9-255272B3A2DA}" srcOrd="1" destOrd="0" presId="urn:microsoft.com/office/officeart/2008/layout/LinedList"/>
    <dgm:cxn modelId="{74F8D00B-CD85-4CE7-B791-ED6CC777A8D1}" type="presParOf" srcId="{0FF19502-9516-4625-85C9-ABA7194CD71B}" destId="{D95A355F-54F7-4AAD-8754-F51BE113FE76}" srcOrd="2" destOrd="0" presId="urn:microsoft.com/office/officeart/2008/layout/LinedList"/>
    <dgm:cxn modelId="{4B24D558-9498-41ED-98B3-B76ED40218D4}" type="presParOf" srcId="{CEB4F45C-F637-444A-8D81-CC9F599378A8}" destId="{5E6C983D-1A9E-491C-8F17-7A1DA34F6A64}" srcOrd="8" destOrd="0" presId="urn:microsoft.com/office/officeart/2008/layout/LinedList"/>
    <dgm:cxn modelId="{5B0854CC-813F-4B4C-A557-F9D5C5551D72}" type="presParOf" srcId="{CEB4F45C-F637-444A-8D81-CC9F599378A8}" destId="{C6BEB2D9-160F-4A71-8644-25A950E51FFE}" srcOrd="9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8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endParaRPr lang="es-SV" dirty="0" smtClean="0"/>
        </a:p>
        <a:p>
          <a:endParaRPr lang="es-SV" dirty="0" smtClean="0"/>
        </a:p>
        <a:p>
          <a:endParaRPr lang="es-SV" dirty="0" smtClean="0"/>
        </a:p>
        <a:p>
          <a:endParaRPr lang="es-SV" dirty="0" smtClean="0"/>
        </a:p>
        <a:p>
          <a:r>
            <a:rPr lang="es-SV" dirty="0" smtClean="0"/>
            <a:t>Economía</a:t>
          </a:r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 custT="1"/>
      <dgm:spPr/>
      <dgm:t>
        <a:bodyPr/>
        <a:lstStyle/>
        <a:p>
          <a:pPr algn="just"/>
          <a:endParaRPr lang="es-SV" sz="2000" dirty="0" smtClean="0"/>
        </a:p>
        <a:p>
          <a:pPr algn="just"/>
          <a:endParaRPr lang="es-SV" sz="2000" dirty="0" smtClean="0"/>
        </a:p>
        <a:p>
          <a:pPr algn="just"/>
          <a:r>
            <a:rPr lang="es-SV" sz="2400" dirty="0" smtClean="0"/>
            <a:t>Se fortalecerá la articulación entre las necesidades del sector económico y la gestión de la migración laboral.</a:t>
          </a:r>
          <a:endParaRPr lang="es-SV" sz="2400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 custT="1"/>
      <dgm:spPr/>
      <dgm:t>
        <a:bodyPr/>
        <a:lstStyle/>
        <a:p>
          <a:pPr algn="just"/>
          <a:r>
            <a:rPr lang="es-SV" sz="2400" dirty="0" smtClean="0"/>
            <a:t>Se generarán incentivos a la gestión productiva a nivel regional mediante el fortalecimiento de una gestión migratoria apta para responder a los planes nacionales de desarrollo.</a:t>
          </a:r>
          <a:endParaRPr lang="es-SV" sz="2400" dirty="0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3" custScaleX="125245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3" custScaleY="311323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2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3" custScaleY="272616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2"/>
      <dgm:spPr/>
    </dgm:pt>
    <dgm:pt modelId="{FC474FBE-766A-45B5-8471-916952EC4A87}" type="pres">
      <dgm:prSet presAssocID="{46BC4F50-650E-4DC9-9B77-26D3628504FC}" presName="vertSpace2b" presStyleCnt="0"/>
      <dgm:spPr/>
    </dgm:pt>
  </dgm:ptLst>
  <dgm:cxnLst>
    <dgm:cxn modelId="{0C16F1D6-D4E9-4287-85AD-04EFE96B116F}" type="presOf" srcId="{46BC4F50-650E-4DC9-9B77-26D3628504FC}" destId="{3456ED2F-5CF9-4C53-9C02-348EF2AD7AF7}" srcOrd="0" destOrd="0" presId="urn:microsoft.com/office/officeart/2008/layout/LinedList"/>
    <dgm:cxn modelId="{4F77F12D-8F8D-480D-8250-113C66A6191F}" type="presOf" srcId="{F35B2D95-A3AF-4812-B643-BA93D934E42E}" destId="{14DAED6B-C269-4980-96C0-945025A53724}" srcOrd="0" destOrd="0" presId="urn:microsoft.com/office/officeart/2008/layout/LinedList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841A0503-DC8B-492B-A3CC-A9A89089B328}" type="presOf" srcId="{353A9C7E-FECD-4B59-A206-16844DAFF353}" destId="{EF5BC22F-E781-4212-8417-3BACFCA045FC}" srcOrd="0" destOrd="0" presId="urn:microsoft.com/office/officeart/2008/layout/LinedList"/>
    <dgm:cxn modelId="{415C4035-5CA5-4554-B690-7842F78E57C2}" type="presOf" srcId="{1BB5CF12-EACB-4650-A013-978816234BDA}" destId="{20504647-3379-4068-9767-807CA616E1BF}" srcOrd="0" destOrd="0" presId="urn:microsoft.com/office/officeart/2008/layout/LinedList"/>
    <dgm:cxn modelId="{ADEA763E-B77A-4884-8BDB-CF8BA44F9E92}" type="presParOf" srcId="{EF5BC22F-E781-4212-8417-3BACFCA045FC}" destId="{7DEA9256-655F-4243-A242-1C9E9FB3FAF7}" srcOrd="0" destOrd="0" presId="urn:microsoft.com/office/officeart/2008/layout/LinedList"/>
    <dgm:cxn modelId="{E12ECB6E-9821-4D09-B299-CF50E6A49DDB}" type="presParOf" srcId="{EF5BC22F-E781-4212-8417-3BACFCA045FC}" destId="{9FCF0CA8-8CB3-4AE7-AECC-3C79B414A0E8}" srcOrd="1" destOrd="0" presId="urn:microsoft.com/office/officeart/2008/layout/LinedList"/>
    <dgm:cxn modelId="{3DE532FC-B908-4518-B4F2-9A4E754CF412}" type="presParOf" srcId="{9FCF0CA8-8CB3-4AE7-AECC-3C79B414A0E8}" destId="{14DAED6B-C269-4980-96C0-945025A53724}" srcOrd="0" destOrd="0" presId="urn:microsoft.com/office/officeart/2008/layout/LinedList"/>
    <dgm:cxn modelId="{E9C4F068-2914-41C9-853B-707D08644373}" type="presParOf" srcId="{9FCF0CA8-8CB3-4AE7-AECC-3C79B414A0E8}" destId="{CEB4F45C-F637-444A-8D81-CC9F599378A8}" srcOrd="1" destOrd="0" presId="urn:microsoft.com/office/officeart/2008/layout/LinedList"/>
    <dgm:cxn modelId="{3C412B9D-9F26-4E2B-A72A-9DD144610BE8}" type="presParOf" srcId="{CEB4F45C-F637-444A-8D81-CC9F599378A8}" destId="{755D6BF9-A1F9-4B88-B68C-73E718742B06}" srcOrd="0" destOrd="0" presId="urn:microsoft.com/office/officeart/2008/layout/LinedList"/>
    <dgm:cxn modelId="{42F68BD4-6265-44C4-AE6F-48FF75315180}" type="presParOf" srcId="{CEB4F45C-F637-444A-8D81-CC9F599378A8}" destId="{02BC398D-68F4-439C-B3A5-B8DF859C8ADA}" srcOrd="1" destOrd="0" presId="urn:microsoft.com/office/officeart/2008/layout/LinedList"/>
    <dgm:cxn modelId="{72695AA1-AB30-41A7-AD44-CAEF7FBA364C}" type="presParOf" srcId="{02BC398D-68F4-439C-B3A5-B8DF859C8ADA}" destId="{DE929518-0522-4917-921F-EDB342E8C2A2}" srcOrd="0" destOrd="0" presId="urn:microsoft.com/office/officeart/2008/layout/LinedList"/>
    <dgm:cxn modelId="{58FDB498-572A-413E-970A-490B435060D7}" type="presParOf" srcId="{02BC398D-68F4-439C-B3A5-B8DF859C8ADA}" destId="{20504647-3379-4068-9767-807CA616E1BF}" srcOrd="1" destOrd="0" presId="urn:microsoft.com/office/officeart/2008/layout/LinedList"/>
    <dgm:cxn modelId="{453DE34A-ADBC-4ED9-9FDF-4C39AA013F49}" type="presParOf" srcId="{02BC398D-68F4-439C-B3A5-B8DF859C8ADA}" destId="{5E6C99A0-C189-4233-8F43-D90AC39B23B3}" srcOrd="2" destOrd="0" presId="urn:microsoft.com/office/officeart/2008/layout/LinedList"/>
    <dgm:cxn modelId="{511D7839-2743-421C-98F5-6E44E1DCB98B}" type="presParOf" srcId="{CEB4F45C-F637-444A-8D81-CC9F599378A8}" destId="{FF669980-7C13-4707-8929-75215C13F802}" srcOrd="2" destOrd="0" presId="urn:microsoft.com/office/officeart/2008/layout/LinedList"/>
    <dgm:cxn modelId="{8620458E-0A2D-478B-92B5-A3F532094B2B}" type="presParOf" srcId="{CEB4F45C-F637-444A-8D81-CC9F599378A8}" destId="{4125B2DB-22AC-46E2-846C-20BA2E400AE1}" srcOrd="3" destOrd="0" presId="urn:microsoft.com/office/officeart/2008/layout/LinedList"/>
    <dgm:cxn modelId="{6899B208-EB1C-47FC-B2BB-979E930902EB}" type="presParOf" srcId="{CEB4F45C-F637-444A-8D81-CC9F599378A8}" destId="{45A27120-D679-4BEE-9B09-C6264AA184AF}" srcOrd="4" destOrd="0" presId="urn:microsoft.com/office/officeart/2008/layout/LinedList"/>
    <dgm:cxn modelId="{D87BA74B-66B9-4B65-8C2F-86EB77D60099}" type="presParOf" srcId="{45A27120-D679-4BEE-9B09-C6264AA184AF}" destId="{82832DCB-083A-48E2-B2DE-94B14047196B}" srcOrd="0" destOrd="0" presId="urn:microsoft.com/office/officeart/2008/layout/LinedList"/>
    <dgm:cxn modelId="{73881BD6-EFAE-4141-9C4C-FFC8FE8612E5}" type="presParOf" srcId="{45A27120-D679-4BEE-9B09-C6264AA184AF}" destId="{3456ED2F-5CF9-4C53-9C02-348EF2AD7AF7}" srcOrd="1" destOrd="0" presId="urn:microsoft.com/office/officeart/2008/layout/LinedList"/>
    <dgm:cxn modelId="{A863A13C-EA35-4B7D-AEFE-33EBA23E1539}" type="presParOf" srcId="{45A27120-D679-4BEE-9B09-C6264AA184AF}" destId="{51FC46D8-A0B1-476E-857A-8C7C5774843C}" srcOrd="2" destOrd="0" presId="urn:microsoft.com/office/officeart/2008/layout/LinedList"/>
    <dgm:cxn modelId="{7AE4A66B-25F9-43D6-8B9F-1BF2ED007AE5}" type="presParOf" srcId="{CEB4F45C-F637-444A-8D81-CC9F599378A8}" destId="{6C47995F-C2E7-4F2A-A402-347DCC6F67D8}" srcOrd="5" destOrd="0" presId="urn:microsoft.com/office/officeart/2008/layout/LinedList"/>
    <dgm:cxn modelId="{94A285FC-CDCE-4D4D-80C7-7FB62D8349F4}" type="presParOf" srcId="{CEB4F45C-F637-444A-8D81-CC9F599378A8}" destId="{FC474FBE-766A-45B5-8471-916952EC4A87}" srcOrd="6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9.xml><?xml version="1.0" encoding="utf-8"?>
<dgm:dataModel xmlns:dgm="http://schemas.openxmlformats.org/drawingml/2006/diagram" xmlns:a="http://schemas.openxmlformats.org/drawingml/2006/main">
  <dgm:ptLst>
    <dgm:pt modelId="{353A9C7E-FECD-4B59-A206-16844DAFF353}" type="doc">
      <dgm:prSet loTypeId="urn:microsoft.com/office/officeart/2008/layout/Lined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s-SV"/>
        </a:p>
      </dgm:t>
    </dgm:pt>
    <dgm:pt modelId="{F35B2D95-A3AF-4812-B643-BA93D934E42E}">
      <dgm:prSet phldrT="[Texto]"/>
      <dgm:spPr/>
      <dgm:t>
        <a:bodyPr/>
        <a:lstStyle/>
        <a:p>
          <a:endParaRPr lang="es-SV" dirty="0" smtClean="0"/>
        </a:p>
        <a:p>
          <a:endParaRPr lang="es-SV" dirty="0" smtClean="0"/>
        </a:p>
        <a:p>
          <a:endParaRPr lang="es-SV" dirty="0" smtClean="0"/>
        </a:p>
        <a:p>
          <a:endParaRPr lang="es-SV" dirty="0" smtClean="0"/>
        </a:p>
        <a:p>
          <a:r>
            <a:rPr lang="es-SV" dirty="0" smtClean="0"/>
            <a:t>Integración social</a:t>
          </a:r>
        </a:p>
        <a:p>
          <a:endParaRPr lang="es-SV" dirty="0"/>
        </a:p>
      </dgm:t>
    </dgm:pt>
    <dgm:pt modelId="{073B23A5-33B5-4AA0-9998-84BCCC645505}" type="parTrans" cxnId="{7E90B6CA-CA25-498D-9010-C7557FD7246E}">
      <dgm:prSet/>
      <dgm:spPr/>
      <dgm:t>
        <a:bodyPr/>
        <a:lstStyle/>
        <a:p>
          <a:endParaRPr lang="es-SV"/>
        </a:p>
      </dgm:t>
    </dgm:pt>
    <dgm:pt modelId="{31E2B783-1123-47AD-B0F2-AB060136E675}" type="sibTrans" cxnId="{7E90B6CA-CA25-498D-9010-C7557FD7246E}">
      <dgm:prSet/>
      <dgm:spPr/>
      <dgm:t>
        <a:bodyPr/>
        <a:lstStyle/>
        <a:p>
          <a:endParaRPr lang="es-SV"/>
        </a:p>
      </dgm:t>
    </dgm:pt>
    <dgm:pt modelId="{1BB5CF12-EACB-4650-A013-978816234BDA}">
      <dgm:prSet phldrT="[Texto]"/>
      <dgm:spPr/>
      <dgm:t>
        <a:bodyPr/>
        <a:lstStyle/>
        <a:p>
          <a:pPr algn="just"/>
          <a:r>
            <a:rPr lang="es-SV" dirty="0" smtClean="0"/>
            <a:t>Se fortalecerá los mecanismos de certificación de capacidades en los países de origen y de reconocimiento de los títulos profesionales, con el fin de facilitar la inserción laboral productiva de las personas migrantes en los países de destino.</a:t>
          </a:r>
          <a:endParaRPr lang="es-SV" dirty="0"/>
        </a:p>
      </dgm:t>
    </dgm:pt>
    <dgm:pt modelId="{6F7EDC9C-0AC5-4EA5-9F43-83BFFDE4B7D8}" type="parTrans" cxnId="{B5A9C1B7-6AA6-47B7-81E0-18A5A136796F}">
      <dgm:prSet/>
      <dgm:spPr/>
      <dgm:t>
        <a:bodyPr/>
        <a:lstStyle/>
        <a:p>
          <a:endParaRPr lang="es-SV"/>
        </a:p>
      </dgm:t>
    </dgm:pt>
    <dgm:pt modelId="{242B9F6E-BFF6-4F94-92E0-525A7546CD26}" type="sibTrans" cxnId="{B5A9C1B7-6AA6-47B7-81E0-18A5A136796F}">
      <dgm:prSet/>
      <dgm:spPr/>
      <dgm:t>
        <a:bodyPr/>
        <a:lstStyle/>
        <a:p>
          <a:endParaRPr lang="es-SV"/>
        </a:p>
      </dgm:t>
    </dgm:pt>
    <dgm:pt modelId="{46BC4F50-650E-4DC9-9B77-26D3628504FC}">
      <dgm:prSet phldrT="[Texto]"/>
      <dgm:spPr/>
      <dgm:t>
        <a:bodyPr/>
        <a:lstStyle/>
        <a:p>
          <a:pPr algn="just"/>
          <a:r>
            <a:rPr lang="es-SV" dirty="0" smtClean="0"/>
            <a:t>Se fomentará la creación de grupos de trabajo inter-institucional regional con el propósito de identificar las oportunidades y los obstáculos a la facilitación del acceso de las personas migrantes a servicios sociales primarios y a la portabilidad de los beneficios de seguro social.</a:t>
          </a:r>
          <a:endParaRPr lang="es-SV" dirty="0"/>
        </a:p>
      </dgm:t>
    </dgm:pt>
    <dgm:pt modelId="{50DEE1FE-0BB2-4252-908F-7621C9F446D2}" type="parTrans" cxnId="{2D72AE0A-9E6F-4EBC-BFAD-A817520B8C49}">
      <dgm:prSet/>
      <dgm:spPr/>
      <dgm:t>
        <a:bodyPr/>
        <a:lstStyle/>
        <a:p>
          <a:endParaRPr lang="es-SV"/>
        </a:p>
      </dgm:t>
    </dgm:pt>
    <dgm:pt modelId="{4E70445F-312A-4E13-932A-01892FE3018B}" type="sibTrans" cxnId="{2D72AE0A-9E6F-4EBC-BFAD-A817520B8C49}">
      <dgm:prSet/>
      <dgm:spPr/>
      <dgm:t>
        <a:bodyPr/>
        <a:lstStyle/>
        <a:p>
          <a:endParaRPr lang="es-SV"/>
        </a:p>
      </dgm:t>
    </dgm:pt>
    <dgm:pt modelId="{FC2D70DE-26A9-4CFF-935A-A287881E1B06}">
      <dgm:prSet phldrT="[Texto]"/>
      <dgm:spPr/>
      <dgm:t>
        <a:bodyPr/>
        <a:lstStyle/>
        <a:p>
          <a:pPr algn="just"/>
          <a:r>
            <a:rPr lang="es-SV" dirty="0" smtClean="0"/>
            <a:t>Se desarrollarán mecanismos que facilitan la obtención de la documentación requerida (ej.: certificado de nacimiento) para la inscripción en centros escolares de los niños y niñas de los trabajadores migrantes.</a:t>
          </a:r>
          <a:endParaRPr lang="es-SV" dirty="0"/>
        </a:p>
      </dgm:t>
    </dgm:pt>
    <dgm:pt modelId="{63C817B2-5310-456B-A806-6989B32BC762}" type="parTrans" cxnId="{0FC7AACF-0363-477C-9A23-E505011AE07C}">
      <dgm:prSet/>
      <dgm:spPr/>
      <dgm:t>
        <a:bodyPr/>
        <a:lstStyle/>
        <a:p>
          <a:endParaRPr lang="es-SV"/>
        </a:p>
      </dgm:t>
    </dgm:pt>
    <dgm:pt modelId="{EA40FB3B-1CE5-4F9A-8CBB-D7CA87CB73BF}" type="sibTrans" cxnId="{0FC7AACF-0363-477C-9A23-E505011AE07C}">
      <dgm:prSet/>
      <dgm:spPr/>
      <dgm:t>
        <a:bodyPr/>
        <a:lstStyle/>
        <a:p>
          <a:endParaRPr lang="es-SV"/>
        </a:p>
      </dgm:t>
    </dgm:pt>
    <dgm:pt modelId="{EF5BC22F-E781-4212-8417-3BACFCA045FC}" type="pres">
      <dgm:prSet presAssocID="{353A9C7E-FECD-4B59-A206-16844DAFF353}" presName="vert0" presStyleCnt="0">
        <dgm:presLayoutVars>
          <dgm:dir/>
          <dgm:animOne val="branch"/>
          <dgm:animLvl val="lvl"/>
        </dgm:presLayoutVars>
      </dgm:prSet>
      <dgm:spPr/>
      <dgm:t>
        <a:bodyPr/>
        <a:lstStyle/>
        <a:p>
          <a:endParaRPr lang="en-US"/>
        </a:p>
      </dgm:t>
    </dgm:pt>
    <dgm:pt modelId="{7DEA9256-655F-4243-A242-1C9E9FB3FAF7}" type="pres">
      <dgm:prSet presAssocID="{F35B2D95-A3AF-4812-B643-BA93D934E42E}" presName="thickLine" presStyleLbl="alignNode1" presStyleIdx="0" presStyleCnt="1"/>
      <dgm:spPr/>
    </dgm:pt>
    <dgm:pt modelId="{9FCF0CA8-8CB3-4AE7-AECC-3C79B414A0E8}" type="pres">
      <dgm:prSet presAssocID="{F35B2D95-A3AF-4812-B643-BA93D934E42E}" presName="horz1" presStyleCnt="0"/>
      <dgm:spPr/>
    </dgm:pt>
    <dgm:pt modelId="{14DAED6B-C269-4980-96C0-945025A53724}" type="pres">
      <dgm:prSet presAssocID="{F35B2D95-A3AF-4812-B643-BA93D934E42E}" presName="tx1" presStyleLbl="revTx" presStyleIdx="0" presStyleCnt="4" custScaleX="135210"/>
      <dgm:spPr/>
      <dgm:t>
        <a:bodyPr/>
        <a:lstStyle/>
        <a:p>
          <a:endParaRPr lang="es-SV"/>
        </a:p>
      </dgm:t>
    </dgm:pt>
    <dgm:pt modelId="{CEB4F45C-F637-444A-8D81-CC9F599378A8}" type="pres">
      <dgm:prSet presAssocID="{F35B2D95-A3AF-4812-B643-BA93D934E42E}" presName="vert1" presStyleCnt="0"/>
      <dgm:spPr/>
    </dgm:pt>
    <dgm:pt modelId="{755D6BF9-A1F9-4B88-B68C-73E718742B06}" type="pres">
      <dgm:prSet presAssocID="{1BB5CF12-EACB-4650-A013-978816234BDA}" presName="vertSpace2a" presStyleCnt="0"/>
      <dgm:spPr/>
    </dgm:pt>
    <dgm:pt modelId="{02BC398D-68F4-439C-B3A5-B8DF859C8ADA}" type="pres">
      <dgm:prSet presAssocID="{1BB5CF12-EACB-4650-A013-978816234BDA}" presName="horz2" presStyleCnt="0"/>
      <dgm:spPr/>
    </dgm:pt>
    <dgm:pt modelId="{DE929518-0522-4917-921F-EDB342E8C2A2}" type="pres">
      <dgm:prSet presAssocID="{1BB5CF12-EACB-4650-A013-978816234BDA}" presName="horzSpace2" presStyleCnt="0"/>
      <dgm:spPr/>
    </dgm:pt>
    <dgm:pt modelId="{20504647-3379-4068-9767-807CA616E1BF}" type="pres">
      <dgm:prSet presAssocID="{1BB5CF12-EACB-4650-A013-978816234BDA}" presName="tx2" presStyleLbl="revTx" presStyleIdx="1" presStyleCnt="4"/>
      <dgm:spPr/>
      <dgm:t>
        <a:bodyPr/>
        <a:lstStyle/>
        <a:p>
          <a:endParaRPr lang="es-SV"/>
        </a:p>
      </dgm:t>
    </dgm:pt>
    <dgm:pt modelId="{5E6C99A0-C189-4233-8F43-D90AC39B23B3}" type="pres">
      <dgm:prSet presAssocID="{1BB5CF12-EACB-4650-A013-978816234BDA}" presName="vert2" presStyleCnt="0"/>
      <dgm:spPr/>
    </dgm:pt>
    <dgm:pt modelId="{FF669980-7C13-4707-8929-75215C13F802}" type="pres">
      <dgm:prSet presAssocID="{1BB5CF12-EACB-4650-A013-978816234BDA}" presName="thinLine2b" presStyleLbl="callout" presStyleIdx="0" presStyleCnt="3"/>
      <dgm:spPr/>
    </dgm:pt>
    <dgm:pt modelId="{4125B2DB-22AC-46E2-846C-20BA2E400AE1}" type="pres">
      <dgm:prSet presAssocID="{1BB5CF12-EACB-4650-A013-978816234BDA}" presName="vertSpace2b" presStyleCnt="0"/>
      <dgm:spPr/>
    </dgm:pt>
    <dgm:pt modelId="{45A27120-D679-4BEE-9B09-C6264AA184AF}" type="pres">
      <dgm:prSet presAssocID="{46BC4F50-650E-4DC9-9B77-26D3628504FC}" presName="horz2" presStyleCnt="0"/>
      <dgm:spPr/>
    </dgm:pt>
    <dgm:pt modelId="{82832DCB-083A-48E2-B2DE-94B14047196B}" type="pres">
      <dgm:prSet presAssocID="{46BC4F50-650E-4DC9-9B77-26D3628504FC}" presName="horzSpace2" presStyleCnt="0"/>
      <dgm:spPr/>
    </dgm:pt>
    <dgm:pt modelId="{3456ED2F-5CF9-4C53-9C02-348EF2AD7AF7}" type="pres">
      <dgm:prSet presAssocID="{46BC4F50-650E-4DC9-9B77-26D3628504FC}" presName="tx2" presStyleLbl="revTx" presStyleIdx="2" presStyleCnt="4"/>
      <dgm:spPr/>
      <dgm:t>
        <a:bodyPr/>
        <a:lstStyle/>
        <a:p>
          <a:endParaRPr lang="es-SV"/>
        </a:p>
      </dgm:t>
    </dgm:pt>
    <dgm:pt modelId="{51FC46D8-A0B1-476E-857A-8C7C5774843C}" type="pres">
      <dgm:prSet presAssocID="{46BC4F50-650E-4DC9-9B77-26D3628504FC}" presName="vert2" presStyleCnt="0"/>
      <dgm:spPr/>
    </dgm:pt>
    <dgm:pt modelId="{6C47995F-C2E7-4F2A-A402-347DCC6F67D8}" type="pres">
      <dgm:prSet presAssocID="{46BC4F50-650E-4DC9-9B77-26D3628504FC}" presName="thinLine2b" presStyleLbl="callout" presStyleIdx="1" presStyleCnt="3"/>
      <dgm:spPr/>
    </dgm:pt>
    <dgm:pt modelId="{FC474FBE-766A-45B5-8471-916952EC4A87}" type="pres">
      <dgm:prSet presAssocID="{46BC4F50-650E-4DC9-9B77-26D3628504FC}" presName="vertSpace2b" presStyleCnt="0"/>
      <dgm:spPr/>
    </dgm:pt>
    <dgm:pt modelId="{0FF19502-9516-4625-85C9-ABA7194CD71B}" type="pres">
      <dgm:prSet presAssocID="{FC2D70DE-26A9-4CFF-935A-A287881E1B06}" presName="horz2" presStyleCnt="0"/>
      <dgm:spPr/>
    </dgm:pt>
    <dgm:pt modelId="{046F96E9-6048-4E7E-A7A2-A6B21D83A001}" type="pres">
      <dgm:prSet presAssocID="{FC2D70DE-26A9-4CFF-935A-A287881E1B06}" presName="horzSpace2" presStyleCnt="0"/>
      <dgm:spPr/>
    </dgm:pt>
    <dgm:pt modelId="{273A3610-A19C-4D35-85F9-255272B3A2DA}" type="pres">
      <dgm:prSet presAssocID="{FC2D70DE-26A9-4CFF-935A-A287881E1B06}" presName="tx2" presStyleLbl="revTx" presStyleIdx="3" presStyleCnt="4"/>
      <dgm:spPr/>
      <dgm:t>
        <a:bodyPr/>
        <a:lstStyle/>
        <a:p>
          <a:endParaRPr lang="es-SV"/>
        </a:p>
      </dgm:t>
    </dgm:pt>
    <dgm:pt modelId="{D95A355F-54F7-4AAD-8754-F51BE113FE76}" type="pres">
      <dgm:prSet presAssocID="{FC2D70DE-26A9-4CFF-935A-A287881E1B06}" presName="vert2" presStyleCnt="0"/>
      <dgm:spPr/>
    </dgm:pt>
    <dgm:pt modelId="{5E6C983D-1A9E-491C-8F17-7A1DA34F6A64}" type="pres">
      <dgm:prSet presAssocID="{FC2D70DE-26A9-4CFF-935A-A287881E1B06}" presName="thinLine2b" presStyleLbl="callout" presStyleIdx="2" presStyleCnt="3"/>
      <dgm:spPr/>
    </dgm:pt>
    <dgm:pt modelId="{C6BEB2D9-160F-4A71-8644-25A950E51FFE}" type="pres">
      <dgm:prSet presAssocID="{FC2D70DE-26A9-4CFF-935A-A287881E1B06}" presName="vertSpace2b" presStyleCnt="0"/>
      <dgm:spPr/>
    </dgm:pt>
  </dgm:ptLst>
  <dgm:cxnLst>
    <dgm:cxn modelId="{47CE4030-1A36-49EC-A443-0CE003C7CE05}" type="presOf" srcId="{F35B2D95-A3AF-4812-B643-BA93D934E42E}" destId="{14DAED6B-C269-4980-96C0-945025A53724}" srcOrd="0" destOrd="0" presId="urn:microsoft.com/office/officeart/2008/layout/LinedList"/>
    <dgm:cxn modelId="{7E90B6CA-CA25-498D-9010-C7557FD7246E}" srcId="{353A9C7E-FECD-4B59-A206-16844DAFF353}" destId="{F35B2D95-A3AF-4812-B643-BA93D934E42E}" srcOrd="0" destOrd="0" parTransId="{073B23A5-33B5-4AA0-9998-84BCCC645505}" sibTransId="{31E2B783-1123-47AD-B0F2-AB060136E675}"/>
    <dgm:cxn modelId="{E5032BF3-FA4C-458F-8067-C1D8315EF870}" type="presOf" srcId="{353A9C7E-FECD-4B59-A206-16844DAFF353}" destId="{EF5BC22F-E781-4212-8417-3BACFCA045FC}" srcOrd="0" destOrd="0" presId="urn:microsoft.com/office/officeart/2008/layout/LinedList"/>
    <dgm:cxn modelId="{B5A9C1B7-6AA6-47B7-81E0-18A5A136796F}" srcId="{F35B2D95-A3AF-4812-B643-BA93D934E42E}" destId="{1BB5CF12-EACB-4650-A013-978816234BDA}" srcOrd="0" destOrd="0" parTransId="{6F7EDC9C-0AC5-4EA5-9F43-83BFFDE4B7D8}" sibTransId="{242B9F6E-BFF6-4F94-92E0-525A7546CD26}"/>
    <dgm:cxn modelId="{2D72AE0A-9E6F-4EBC-BFAD-A817520B8C49}" srcId="{F35B2D95-A3AF-4812-B643-BA93D934E42E}" destId="{46BC4F50-650E-4DC9-9B77-26D3628504FC}" srcOrd="1" destOrd="0" parTransId="{50DEE1FE-0BB2-4252-908F-7621C9F446D2}" sibTransId="{4E70445F-312A-4E13-932A-01892FE3018B}"/>
    <dgm:cxn modelId="{0FC7AACF-0363-477C-9A23-E505011AE07C}" srcId="{F35B2D95-A3AF-4812-B643-BA93D934E42E}" destId="{FC2D70DE-26A9-4CFF-935A-A287881E1B06}" srcOrd="2" destOrd="0" parTransId="{63C817B2-5310-456B-A806-6989B32BC762}" sibTransId="{EA40FB3B-1CE5-4F9A-8CBB-D7CA87CB73BF}"/>
    <dgm:cxn modelId="{A12E35D7-106A-4FD3-8809-03DAC5C7DDCF}" type="presOf" srcId="{46BC4F50-650E-4DC9-9B77-26D3628504FC}" destId="{3456ED2F-5CF9-4C53-9C02-348EF2AD7AF7}" srcOrd="0" destOrd="0" presId="urn:microsoft.com/office/officeart/2008/layout/LinedList"/>
    <dgm:cxn modelId="{70871D99-96A7-44D9-B554-C515F73BEA8E}" type="presOf" srcId="{1BB5CF12-EACB-4650-A013-978816234BDA}" destId="{20504647-3379-4068-9767-807CA616E1BF}" srcOrd="0" destOrd="0" presId="urn:microsoft.com/office/officeart/2008/layout/LinedList"/>
    <dgm:cxn modelId="{C03971C7-67F8-42B0-B1F5-87BC616DCFA9}" type="presOf" srcId="{FC2D70DE-26A9-4CFF-935A-A287881E1B06}" destId="{273A3610-A19C-4D35-85F9-255272B3A2DA}" srcOrd="0" destOrd="0" presId="urn:microsoft.com/office/officeart/2008/layout/LinedList"/>
    <dgm:cxn modelId="{3CBE3E43-94C7-4103-8BD9-C04CBBB4A4E7}" type="presParOf" srcId="{EF5BC22F-E781-4212-8417-3BACFCA045FC}" destId="{7DEA9256-655F-4243-A242-1C9E9FB3FAF7}" srcOrd="0" destOrd="0" presId="urn:microsoft.com/office/officeart/2008/layout/LinedList"/>
    <dgm:cxn modelId="{B5D459C8-BAD5-4CA4-90A4-375CD3332342}" type="presParOf" srcId="{EF5BC22F-E781-4212-8417-3BACFCA045FC}" destId="{9FCF0CA8-8CB3-4AE7-AECC-3C79B414A0E8}" srcOrd="1" destOrd="0" presId="urn:microsoft.com/office/officeart/2008/layout/LinedList"/>
    <dgm:cxn modelId="{32D76678-E279-4917-AB8F-D8888C10FCD5}" type="presParOf" srcId="{9FCF0CA8-8CB3-4AE7-AECC-3C79B414A0E8}" destId="{14DAED6B-C269-4980-96C0-945025A53724}" srcOrd="0" destOrd="0" presId="urn:microsoft.com/office/officeart/2008/layout/LinedList"/>
    <dgm:cxn modelId="{47F0982B-06C7-4C2B-966A-804F41DC199C}" type="presParOf" srcId="{9FCF0CA8-8CB3-4AE7-AECC-3C79B414A0E8}" destId="{CEB4F45C-F637-444A-8D81-CC9F599378A8}" srcOrd="1" destOrd="0" presId="urn:microsoft.com/office/officeart/2008/layout/LinedList"/>
    <dgm:cxn modelId="{211DB468-9BFA-4B2D-9DBC-4C59EEB3ADB1}" type="presParOf" srcId="{CEB4F45C-F637-444A-8D81-CC9F599378A8}" destId="{755D6BF9-A1F9-4B88-B68C-73E718742B06}" srcOrd="0" destOrd="0" presId="urn:microsoft.com/office/officeart/2008/layout/LinedList"/>
    <dgm:cxn modelId="{BFE64054-A4BC-4D55-81E3-C5ED0381637D}" type="presParOf" srcId="{CEB4F45C-F637-444A-8D81-CC9F599378A8}" destId="{02BC398D-68F4-439C-B3A5-B8DF859C8ADA}" srcOrd="1" destOrd="0" presId="urn:microsoft.com/office/officeart/2008/layout/LinedList"/>
    <dgm:cxn modelId="{0CA6B6ED-48E4-439D-907D-1CB2B9373493}" type="presParOf" srcId="{02BC398D-68F4-439C-B3A5-B8DF859C8ADA}" destId="{DE929518-0522-4917-921F-EDB342E8C2A2}" srcOrd="0" destOrd="0" presId="urn:microsoft.com/office/officeart/2008/layout/LinedList"/>
    <dgm:cxn modelId="{2DA8225A-A7D3-4191-BB82-ED7D007FE3D3}" type="presParOf" srcId="{02BC398D-68F4-439C-B3A5-B8DF859C8ADA}" destId="{20504647-3379-4068-9767-807CA616E1BF}" srcOrd="1" destOrd="0" presId="urn:microsoft.com/office/officeart/2008/layout/LinedList"/>
    <dgm:cxn modelId="{607E8B2D-56AF-4CDF-B081-48D9CEB53FD4}" type="presParOf" srcId="{02BC398D-68F4-439C-B3A5-B8DF859C8ADA}" destId="{5E6C99A0-C189-4233-8F43-D90AC39B23B3}" srcOrd="2" destOrd="0" presId="urn:microsoft.com/office/officeart/2008/layout/LinedList"/>
    <dgm:cxn modelId="{C91EB7F0-9C7F-4DA4-9721-6ED983D9D3BD}" type="presParOf" srcId="{CEB4F45C-F637-444A-8D81-CC9F599378A8}" destId="{FF669980-7C13-4707-8929-75215C13F802}" srcOrd="2" destOrd="0" presId="urn:microsoft.com/office/officeart/2008/layout/LinedList"/>
    <dgm:cxn modelId="{E0825A6A-21D5-464B-A994-4DF23D1EDE24}" type="presParOf" srcId="{CEB4F45C-F637-444A-8D81-CC9F599378A8}" destId="{4125B2DB-22AC-46E2-846C-20BA2E400AE1}" srcOrd="3" destOrd="0" presId="urn:microsoft.com/office/officeart/2008/layout/LinedList"/>
    <dgm:cxn modelId="{C5C2C537-2F87-4315-8974-7AF4C44DADA6}" type="presParOf" srcId="{CEB4F45C-F637-444A-8D81-CC9F599378A8}" destId="{45A27120-D679-4BEE-9B09-C6264AA184AF}" srcOrd="4" destOrd="0" presId="urn:microsoft.com/office/officeart/2008/layout/LinedList"/>
    <dgm:cxn modelId="{FEFE61DB-DCA3-4E5F-AC59-39D7435317EB}" type="presParOf" srcId="{45A27120-D679-4BEE-9B09-C6264AA184AF}" destId="{82832DCB-083A-48E2-B2DE-94B14047196B}" srcOrd="0" destOrd="0" presId="urn:microsoft.com/office/officeart/2008/layout/LinedList"/>
    <dgm:cxn modelId="{6CB49BF8-A018-4975-85CB-FB651BA15A06}" type="presParOf" srcId="{45A27120-D679-4BEE-9B09-C6264AA184AF}" destId="{3456ED2F-5CF9-4C53-9C02-348EF2AD7AF7}" srcOrd="1" destOrd="0" presId="urn:microsoft.com/office/officeart/2008/layout/LinedList"/>
    <dgm:cxn modelId="{9BD72F3A-ED9D-41F5-AE08-A751AAE2E343}" type="presParOf" srcId="{45A27120-D679-4BEE-9B09-C6264AA184AF}" destId="{51FC46D8-A0B1-476E-857A-8C7C5774843C}" srcOrd="2" destOrd="0" presId="urn:microsoft.com/office/officeart/2008/layout/LinedList"/>
    <dgm:cxn modelId="{41EDC2FE-EFA7-46CD-BE9F-1F95744DDE99}" type="presParOf" srcId="{CEB4F45C-F637-444A-8D81-CC9F599378A8}" destId="{6C47995F-C2E7-4F2A-A402-347DCC6F67D8}" srcOrd="5" destOrd="0" presId="urn:microsoft.com/office/officeart/2008/layout/LinedList"/>
    <dgm:cxn modelId="{7050E923-787F-42CE-918C-2FEE7A1E376E}" type="presParOf" srcId="{CEB4F45C-F637-444A-8D81-CC9F599378A8}" destId="{FC474FBE-766A-45B5-8471-916952EC4A87}" srcOrd="6" destOrd="0" presId="urn:microsoft.com/office/officeart/2008/layout/LinedList"/>
    <dgm:cxn modelId="{DCBE2D17-434D-415B-802C-6A8B40E63DD4}" type="presParOf" srcId="{CEB4F45C-F637-444A-8D81-CC9F599378A8}" destId="{0FF19502-9516-4625-85C9-ABA7194CD71B}" srcOrd="7" destOrd="0" presId="urn:microsoft.com/office/officeart/2008/layout/LinedList"/>
    <dgm:cxn modelId="{F5F26603-C8CA-4940-8B6C-1C2676A3929B}" type="presParOf" srcId="{0FF19502-9516-4625-85C9-ABA7194CD71B}" destId="{046F96E9-6048-4E7E-A7A2-A6B21D83A001}" srcOrd="0" destOrd="0" presId="urn:microsoft.com/office/officeart/2008/layout/LinedList"/>
    <dgm:cxn modelId="{71A31B90-FB82-407B-8396-DE36B9C790C4}" type="presParOf" srcId="{0FF19502-9516-4625-85C9-ABA7194CD71B}" destId="{273A3610-A19C-4D35-85F9-255272B3A2DA}" srcOrd="1" destOrd="0" presId="urn:microsoft.com/office/officeart/2008/layout/LinedList"/>
    <dgm:cxn modelId="{A4F4DD28-CBCC-4515-9EC4-EE12EE227FDD}" type="presParOf" srcId="{0FF19502-9516-4625-85C9-ABA7194CD71B}" destId="{D95A355F-54F7-4AAD-8754-F51BE113FE76}" srcOrd="2" destOrd="0" presId="urn:microsoft.com/office/officeart/2008/layout/LinedList"/>
    <dgm:cxn modelId="{E295E40F-930B-43EC-9103-29691508A6B1}" type="presParOf" srcId="{CEB4F45C-F637-444A-8D81-CC9F599378A8}" destId="{5E6C983D-1A9E-491C-8F17-7A1DA34F6A64}" srcOrd="8" destOrd="0" presId="urn:microsoft.com/office/officeart/2008/layout/LinedList"/>
    <dgm:cxn modelId="{EC6E65B4-A479-4973-9A2A-B954BF558625}" type="presParOf" srcId="{CEB4F45C-F637-444A-8D81-CC9F599378A8}" destId="{C6BEB2D9-160F-4A71-8644-25A950E51FFE}" srcOrd="9" destOrd="0" presId="urn:microsoft.com/office/officeart/2008/layout/Line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7DEA9256-655F-4243-A242-1C9E9FB3FAF7}">
      <dsp:nvSpPr>
        <dsp:cNvPr id="0" name=""/>
        <dsp:cNvSpPr/>
      </dsp:nvSpPr>
      <dsp:spPr>
        <a:xfrm>
          <a:off x="0" y="0"/>
          <a:ext cx="8341506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14DAED6B-C269-4980-96C0-945025A53724}">
      <dsp:nvSpPr>
        <dsp:cNvPr id="0" name=""/>
        <dsp:cNvSpPr/>
      </dsp:nvSpPr>
      <dsp:spPr>
        <a:xfrm>
          <a:off x="0" y="0"/>
          <a:ext cx="1668301" cy="4979987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83820" tIns="83820" rIns="83820" bIns="83820" numCol="1" spcCol="1270" anchor="t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 smtClean="0"/>
        </a:p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 smtClean="0"/>
        </a:p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 smtClean="0"/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 smtClean="0"/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2200" kern="1200" dirty="0" smtClean="0"/>
            <a:t>Sistema de inmigración regional</a:t>
          </a:r>
        </a:p>
      </dsp:txBody>
      <dsp:txXfrm>
        <a:off x="0" y="0"/>
        <a:ext cx="1668301" cy="4979987"/>
      </dsp:txXfrm>
    </dsp:sp>
    <dsp:sp modelId="{20504647-3379-4068-9767-807CA616E1BF}">
      <dsp:nvSpPr>
        <dsp:cNvPr id="0" name=""/>
        <dsp:cNvSpPr/>
      </dsp:nvSpPr>
      <dsp:spPr>
        <a:xfrm>
          <a:off x="1793423" y="77812"/>
          <a:ext cx="6548082" cy="1556245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2390" tIns="72390" rIns="72390" bIns="72390" numCol="1" spcCol="1270" anchor="t" anchorCtr="0">
          <a:noAutofit/>
        </a:bodyPr>
        <a:lstStyle/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1900" b="1" kern="1200" dirty="0" smtClean="0"/>
        </a:p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1900" b="1" kern="1200" dirty="0" smtClean="0"/>
            <a:t>El sistema de visados</a:t>
          </a:r>
          <a:r>
            <a:rPr lang="es-SV" sz="1900" kern="1200" dirty="0" smtClean="0"/>
            <a:t>: Se definirán los protocolos, procedimientos y mecanismos para la armonización de los requisitos para el otorgamiento de visa en la región. </a:t>
          </a:r>
          <a:endParaRPr lang="es-SV" sz="1900" kern="1200" dirty="0"/>
        </a:p>
      </dsp:txBody>
      <dsp:txXfrm>
        <a:off x="1793423" y="77812"/>
        <a:ext cx="6548082" cy="1556245"/>
      </dsp:txXfrm>
    </dsp:sp>
    <dsp:sp modelId="{FF669980-7C13-4707-8929-75215C13F802}">
      <dsp:nvSpPr>
        <dsp:cNvPr id="0" name=""/>
        <dsp:cNvSpPr/>
      </dsp:nvSpPr>
      <dsp:spPr>
        <a:xfrm>
          <a:off x="1668301" y="1634058"/>
          <a:ext cx="6673204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tint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3456ED2F-5CF9-4C53-9C02-348EF2AD7AF7}">
      <dsp:nvSpPr>
        <dsp:cNvPr id="0" name=""/>
        <dsp:cNvSpPr/>
      </dsp:nvSpPr>
      <dsp:spPr>
        <a:xfrm>
          <a:off x="1793423" y="1711870"/>
          <a:ext cx="6548082" cy="1556245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2390" tIns="72390" rIns="72390" bIns="72390" numCol="1" spcCol="1270" anchor="t" anchorCtr="0">
          <a:noAutofit/>
        </a:bodyPr>
        <a:lstStyle/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1900" b="1" kern="1200" dirty="0" smtClean="0"/>
            <a:t>El intercambio de la información</a:t>
          </a:r>
          <a:r>
            <a:rPr lang="es-SV" sz="1900" kern="1200" dirty="0" smtClean="0"/>
            <a:t>: se desarrollarán aplicaciones informáticas, a través del establecimiento de criterios para el intercambio de información migratoria y las estadísticas regionales, que protejan y aseguren la confidencialidad de la información y de los datos.</a:t>
          </a:r>
          <a:endParaRPr lang="es-SV" sz="1900" kern="1200" dirty="0"/>
        </a:p>
      </dsp:txBody>
      <dsp:txXfrm>
        <a:off x="1793423" y="1711870"/>
        <a:ext cx="6548082" cy="1556245"/>
      </dsp:txXfrm>
    </dsp:sp>
    <dsp:sp modelId="{6C47995F-C2E7-4F2A-A402-347DCC6F67D8}">
      <dsp:nvSpPr>
        <dsp:cNvPr id="0" name=""/>
        <dsp:cNvSpPr/>
      </dsp:nvSpPr>
      <dsp:spPr>
        <a:xfrm>
          <a:off x="1668301" y="3268116"/>
          <a:ext cx="6673204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tint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273A3610-A19C-4D35-85F9-255272B3A2DA}">
      <dsp:nvSpPr>
        <dsp:cNvPr id="0" name=""/>
        <dsp:cNvSpPr/>
      </dsp:nvSpPr>
      <dsp:spPr>
        <a:xfrm>
          <a:off x="1793423" y="3345928"/>
          <a:ext cx="6548082" cy="1556245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2390" tIns="72390" rIns="72390" bIns="72390" numCol="1" spcCol="1270" anchor="t" anchorCtr="0">
          <a:noAutofit/>
        </a:bodyPr>
        <a:lstStyle/>
        <a:p>
          <a:pPr lvl="0" algn="l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1900" b="1" kern="1200" dirty="0" smtClean="0"/>
        </a:p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1900" b="1" kern="1200" dirty="0" smtClean="0"/>
            <a:t>La armonización de tramites</a:t>
          </a:r>
          <a:r>
            <a:rPr lang="es-SV" sz="1900" kern="1200" dirty="0" smtClean="0"/>
            <a:t>: se definirán las áreas de acción que se deban armonizar.</a:t>
          </a:r>
          <a:endParaRPr lang="es-SV" sz="1900" kern="1200" dirty="0"/>
        </a:p>
      </dsp:txBody>
      <dsp:txXfrm>
        <a:off x="1793423" y="3345928"/>
        <a:ext cx="6548082" cy="1556245"/>
      </dsp:txXfrm>
    </dsp:sp>
    <dsp:sp modelId="{5E6C983D-1A9E-491C-8F17-7A1DA34F6A64}">
      <dsp:nvSpPr>
        <dsp:cNvPr id="0" name=""/>
        <dsp:cNvSpPr/>
      </dsp:nvSpPr>
      <dsp:spPr>
        <a:xfrm>
          <a:off x="1668301" y="4902174"/>
          <a:ext cx="6673204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tint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</dsp:spTree>
</dsp:drawing>
</file>

<file path=ppt/diagrams/drawing10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7DEA9256-655F-4243-A242-1C9E9FB3FAF7}">
      <dsp:nvSpPr>
        <dsp:cNvPr id="0" name=""/>
        <dsp:cNvSpPr/>
      </dsp:nvSpPr>
      <dsp:spPr>
        <a:xfrm>
          <a:off x="0" y="0"/>
          <a:ext cx="8341506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14DAED6B-C269-4980-96C0-945025A53724}">
      <dsp:nvSpPr>
        <dsp:cNvPr id="0" name=""/>
        <dsp:cNvSpPr/>
      </dsp:nvSpPr>
      <dsp:spPr>
        <a:xfrm>
          <a:off x="0" y="0"/>
          <a:ext cx="1668301" cy="4979987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83820" tIns="83820" rIns="83820" bIns="83820" numCol="1" spcCol="1270" anchor="t" anchorCtr="0">
          <a:noAutofit/>
        </a:bodyPr>
        <a:lstStyle/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 smtClean="0"/>
        </a:p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 smtClean="0"/>
        </a:p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 smtClean="0"/>
        </a:p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 smtClean="0"/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 smtClean="0"/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2200" kern="1200" dirty="0" smtClean="0"/>
            <a:t>Sistema de inmigración regional</a:t>
          </a:r>
        </a:p>
        <a:p>
          <a:pPr lvl="0" algn="l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200" kern="1200" dirty="0"/>
        </a:p>
      </dsp:txBody>
      <dsp:txXfrm>
        <a:off x="0" y="0"/>
        <a:ext cx="1668301" cy="4979987"/>
      </dsp:txXfrm>
    </dsp:sp>
    <dsp:sp modelId="{20504647-3379-4068-9767-807CA616E1BF}">
      <dsp:nvSpPr>
        <dsp:cNvPr id="0" name=""/>
        <dsp:cNvSpPr/>
      </dsp:nvSpPr>
      <dsp:spPr>
        <a:xfrm>
          <a:off x="1793423" y="75259"/>
          <a:ext cx="6548082" cy="1505181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6200" tIns="76200" rIns="76200" bIns="76200" numCol="1" spcCol="1270" anchor="t" anchorCtr="0">
          <a:noAutofit/>
        </a:bodyPr>
        <a:lstStyle/>
        <a:p>
          <a:pPr lvl="0" algn="just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2000" b="1" kern="1200" dirty="0" smtClean="0"/>
            <a:t>Con las poblaciones transfronterizas</a:t>
          </a:r>
          <a:r>
            <a:rPr lang="es-SV" sz="2000" kern="1200" dirty="0" smtClean="0"/>
            <a:t>: Se flexibilizarán los requisitos y aranceles de la población transfronteriza con el objeto de documentar y facilitar la movilidad de esa población, fortaleciendo las relaciones comunitarias. </a:t>
          </a:r>
          <a:endParaRPr lang="es-SV" sz="2000" kern="1200" dirty="0"/>
        </a:p>
      </dsp:txBody>
      <dsp:txXfrm>
        <a:off x="1793423" y="75259"/>
        <a:ext cx="6548082" cy="1505181"/>
      </dsp:txXfrm>
    </dsp:sp>
    <dsp:sp modelId="{FF669980-7C13-4707-8929-75215C13F802}">
      <dsp:nvSpPr>
        <dsp:cNvPr id="0" name=""/>
        <dsp:cNvSpPr/>
      </dsp:nvSpPr>
      <dsp:spPr>
        <a:xfrm>
          <a:off x="1668301" y="1580440"/>
          <a:ext cx="6673204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tint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3456ED2F-5CF9-4C53-9C02-348EF2AD7AF7}">
      <dsp:nvSpPr>
        <dsp:cNvPr id="0" name=""/>
        <dsp:cNvSpPr/>
      </dsp:nvSpPr>
      <dsp:spPr>
        <a:xfrm>
          <a:off x="1793423" y="1655699"/>
          <a:ext cx="6548082" cy="1505181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6200" tIns="76200" rIns="76200" bIns="76200" numCol="1" spcCol="1270" anchor="t" anchorCtr="0">
          <a:noAutofit/>
        </a:bodyPr>
        <a:lstStyle/>
        <a:p>
          <a:pPr lvl="0" algn="just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2000" b="1" kern="1200" dirty="0" smtClean="0"/>
            <a:t>El Refugio: </a:t>
          </a:r>
          <a:r>
            <a:rPr lang="es-SV" sz="2000" kern="1200" dirty="0" smtClean="0"/>
            <a:t>Se armonizarán los criterios para el otorgamiento de la condición de refugiado, así como profundizar en las corresponsabilidades de adoptar las medidas pertinentes, en un marco de flujos migratorios mixtos.</a:t>
          </a:r>
          <a:endParaRPr lang="es-SV" sz="2000" kern="1200" dirty="0"/>
        </a:p>
      </dsp:txBody>
      <dsp:txXfrm>
        <a:off x="1793423" y="1655699"/>
        <a:ext cx="6548082" cy="1505181"/>
      </dsp:txXfrm>
    </dsp:sp>
    <dsp:sp modelId="{6C47995F-C2E7-4F2A-A402-347DCC6F67D8}">
      <dsp:nvSpPr>
        <dsp:cNvPr id="0" name=""/>
        <dsp:cNvSpPr/>
      </dsp:nvSpPr>
      <dsp:spPr>
        <a:xfrm>
          <a:off x="1668301" y="3160881"/>
          <a:ext cx="6673204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tint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273A3610-A19C-4D35-85F9-255272B3A2DA}">
      <dsp:nvSpPr>
        <dsp:cNvPr id="0" name=""/>
        <dsp:cNvSpPr/>
      </dsp:nvSpPr>
      <dsp:spPr>
        <a:xfrm>
          <a:off x="1793423" y="3236140"/>
          <a:ext cx="6548082" cy="1667485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6200" tIns="76200" rIns="76200" bIns="76200" numCol="1" spcCol="1270" anchor="t" anchorCtr="0">
          <a:noAutofit/>
        </a:bodyPr>
        <a:lstStyle/>
        <a:p>
          <a:pPr lvl="0" algn="l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000" b="1" kern="1200" dirty="0" smtClean="0"/>
        </a:p>
        <a:p>
          <a:pPr lvl="0" algn="l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2000" b="1" kern="1200" dirty="0" smtClean="0"/>
            <a:t>La deportación y detención</a:t>
          </a:r>
          <a:r>
            <a:rPr lang="es-SV" sz="2000" kern="1200" dirty="0" smtClean="0"/>
            <a:t>: Se fortalecerán las condiciones y los mecanismos para el tratamiento de los casos de deportación, detención y retorno.</a:t>
          </a:r>
          <a:endParaRPr lang="es-SV" sz="2000" kern="1200" dirty="0"/>
        </a:p>
      </dsp:txBody>
      <dsp:txXfrm>
        <a:off x="1793423" y="3236140"/>
        <a:ext cx="6548082" cy="1667485"/>
      </dsp:txXfrm>
    </dsp:sp>
    <dsp:sp modelId="{5E6C983D-1A9E-491C-8F17-7A1DA34F6A64}">
      <dsp:nvSpPr>
        <dsp:cNvPr id="0" name=""/>
        <dsp:cNvSpPr/>
      </dsp:nvSpPr>
      <dsp:spPr>
        <a:xfrm>
          <a:off x="1668301" y="4903625"/>
          <a:ext cx="6673204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tint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7DEA9256-655F-4243-A242-1C9E9FB3FAF7}">
      <dsp:nvSpPr>
        <dsp:cNvPr id="0" name=""/>
        <dsp:cNvSpPr/>
      </dsp:nvSpPr>
      <dsp:spPr>
        <a:xfrm>
          <a:off x="0" y="2431"/>
          <a:ext cx="8341506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14DAED6B-C269-4980-96C0-945025A53724}">
      <dsp:nvSpPr>
        <dsp:cNvPr id="0" name=""/>
        <dsp:cNvSpPr/>
      </dsp:nvSpPr>
      <dsp:spPr>
        <a:xfrm>
          <a:off x="0" y="2431"/>
          <a:ext cx="1668301" cy="4975123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99060" tIns="99060" rIns="99060" bIns="99060" numCol="1" spcCol="1270" anchor="t" anchorCtr="0">
          <a:noAutofit/>
        </a:bodyPr>
        <a:lstStyle/>
        <a:p>
          <a:pPr lvl="0" algn="l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600" kern="1200" dirty="0" smtClean="0"/>
        </a:p>
        <a:p>
          <a:pPr lvl="0" algn="l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600" kern="1200" dirty="0" smtClean="0"/>
        </a:p>
        <a:p>
          <a:pPr lvl="0" algn="l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600" kern="1200" dirty="0" smtClean="0"/>
        </a:p>
        <a:p>
          <a:pPr lvl="0" algn="l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600" kern="1200" dirty="0" smtClean="0"/>
        </a:p>
        <a:p>
          <a:pPr lvl="0" algn="l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2600" kern="1200" dirty="0" smtClean="0"/>
            <a:t>Migración laboral</a:t>
          </a:r>
        </a:p>
        <a:p>
          <a:pPr lvl="0" algn="l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2600" kern="1200" dirty="0"/>
        </a:p>
      </dsp:txBody>
      <dsp:txXfrm>
        <a:off x="0" y="2431"/>
        <a:ext cx="1668301" cy="4975123"/>
      </dsp:txXfrm>
    </dsp:sp>
    <dsp:sp modelId="{20504647-3379-4068-9767-807CA616E1BF}">
      <dsp:nvSpPr>
        <dsp:cNvPr id="0" name=""/>
        <dsp:cNvSpPr/>
      </dsp:nvSpPr>
      <dsp:spPr>
        <a:xfrm>
          <a:off x="1793423" y="121148"/>
          <a:ext cx="6548082" cy="692368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49530" tIns="49530" rIns="49530" bIns="49530" numCol="1" spcCol="1270" anchor="t" anchorCtr="0">
          <a:noAutofit/>
        </a:bodyPr>
        <a:lstStyle/>
        <a:p>
          <a:pPr lvl="0" algn="just" defTabSz="5778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1300" kern="1200" dirty="0" smtClean="0"/>
        </a:p>
        <a:p>
          <a:pPr lvl="0" algn="just" defTabSz="5778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1700" kern="1200" dirty="0" smtClean="0"/>
            <a:t>Se fomentará la creación de acuerdos bilaterales que favorezcan la gestión migratoria integral de los flujos migratorios laborales. </a:t>
          </a:r>
          <a:endParaRPr lang="es-SV" sz="1700" kern="1200" dirty="0"/>
        </a:p>
      </dsp:txBody>
      <dsp:txXfrm>
        <a:off x="1793423" y="121148"/>
        <a:ext cx="6548082" cy="692368"/>
      </dsp:txXfrm>
    </dsp:sp>
    <dsp:sp modelId="{FF669980-7C13-4707-8929-75215C13F802}">
      <dsp:nvSpPr>
        <dsp:cNvPr id="0" name=""/>
        <dsp:cNvSpPr/>
      </dsp:nvSpPr>
      <dsp:spPr>
        <a:xfrm>
          <a:off x="1668301" y="1062624"/>
          <a:ext cx="6673204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tint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3456ED2F-5CF9-4C53-9C02-348EF2AD7AF7}">
      <dsp:nvSpPr>
        <dsp:cNvPr id="0" name=""/>
        <dsp:cNvSpPr/>
      </dsp:nvSpPr>
      <dsp:spPr>
        <a:xfrm>
          <a:off x="1793423" y="765034"/>
          <a:ext cx="6548082" cy="1771835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2390" tIns="72390" rIns="72390" bIns="72390" numCol="1" spcCol="1270" anchor="t" anchorCtr="0">
          <a:noAutofit/>
        </a:bodyPr>
        <a:lstStyle/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1900" kern="1200" dirty="0" smtClean="0"/>
        </a:p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1900" kern="1200" dirty="0" smtClean="0"/>
            <a:t>Se impulsarán acciones orientadas a la gestión circular ordenada de los flujos migratorios laborales.</a:t>
          </a:r>
          <a:endParaRPr lang="es-SV" sz="1900" kern="1200" dirty="0"/>
        </a:p>
      </dsp:txBody>
      <dsp:txXfrm>
        <a:off x="1793423" y="765034"/>
        <a:ext cx="6548082" cy="1771835"/>
      </dsp:txXfrm>
    </dsp:sp>
    <dsp:sp modelId="{6C47995F-C2E7-4F2A-A402-347DCC6F67D8}">
      <dsp:nvSpPr>
        <dsp:cNvPr id="0" name=""/>
        <dsp:cNvSpPr/>
      </dsp:nvSpPr>
      <dsp:spPr>
        <a:xfrm>
          <a:off x="1668301" y="2274220"/>
          <a:ext cx="6673204" cy="0"/>
        </a:xfrm>
        <a:prstGeom prst="line">
          <a:avLst/>
        </a:prstGeom>
        <a:blipFill rotWithShape="0">
          <a:blip xmlns:r="http://schemas.openxmlformats.org/officeDocument/2006/relationships" r:embed="rId1"/>
          <a:stretch>
            <a:fillRect/>
          </a:stretch>
        </a:blipFill>
        <a:ln w="25400" cap="flat" cmpd="sng" algn="ctr">
          <a:solidFill>
            <a:schemeClr val="accent1">
              <a:tint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273A3610-A19C-4D35-85F9-255272B3A2DA}">
      <dsp:nvSpPr>
        <dsp:cNvPr id="0" name=""/>
        <dsp:cNvSpPr/>
      </dsp:nvSpPr>
      <dsp:spPr>
        <a:xfrm>
          <a:off x="1793423" y="1830606"/>
          <a:ext cx="6548082" cy="1996334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2390" tIns="72390" rIns="72390" bIns="72390" numCol="1" spcCol="1270" anchor="t" anchorCtr="0">
          <a:noAutofit/>
        </a:bodyPr>
        <a:lstStyle/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1900" kern="1200" dirty="0" smtClean="0"/>
        </a:p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1900" kern="1200" dirty="0" smtClean="0"/>
        </a:p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s-SV" sz="1900" kern="1200" dirty="0" smtClean="0"/>
            <a:t>Se estimularán acciones orientadas hacia la comprensión de las causas de la migración irregular y la facilitación de los procesos de regularización.</a:t>
          </a:r>
        </a:p>
        <a:p>
          <a:pPr lvl="0" algn="just" defTabSz="8445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s-SV" sz="1900" kern="1200" dirty="0"/>
        </a:p>
      </dsp:txBody>
      <dsp:txXfrm>
        <a:off x="1793423" y="1830606"/>
        <a:ext cx="6548082" cy="1996334"/>
      </dsp:txXfrm>
    </dsp:sp>
    <dsp:sp modelId="{5E6C983D-1A9E-491C-8F17-7A1DA34F6A64}">
      <dsp:nvSpPr>
        <dsp:cNvPr id="0" name=""/>
        <dsp:cNvSpPr/>
      </dsp:nvSpPr>
      <dsp:spPr>
        <a:xfrm>
          <a:off x="1626727" y="4819395"/>
          <a:ext cx="6673204" cy="0"/>
        </a:xfrm>
        <a:prstGeom prst="line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1">
              <a:tint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</dsp:spTree>
</dsp:drawing>
</file>

<file path=ppt/diagrams/drawing4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5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6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7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8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drawing9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layout10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layout4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layout5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layout6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layout7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layout8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layout9.xml><?xml version="1.0" encoding="utf-8"?>
<dgm:layoutDef xmlns:dgm="http://schemas.openxmlformats.org/drawingml/2006/diagram" xmlns:a="http://schemas.openxmlformats.org/drawingml/2006/main" uniqueId="urn:microsoft.com/office/officeart/2008/layout/LinedList">
  <dgm:title val=""/>
  <dgm:desc val=""/>
  <dgm:catLst>
    <dgm:cat type="hierarchy" pri="8000"/>
    <dgm:cat type="list" pri="25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</dgm:cxnLst>
      <dgm:bg/>
      <dgm:whole/>
    </dgm:dataModel>
  </dgm:clrData>
  <dgm:layoutNode name="vert0">
    <dgm:varLst>
      <dgm:dir/>
      <dgm:animOne val="branch"/>
      <dgm:animLvl val="lvl"/>
    </dgm:varLst>
    <dgm:choose name="Name0">
      <dgm:if name="Name1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horz1" refType="w"/>
      <dgm:constr type="h" for="ch" forName="horz1" refType="h"/>
      <dgm:constr type="h" for="des" forName="vert1" refType="h"/>
      <dgm:constr type="h" for="des" forName="tx1" refType="h"/>
      <dgm:constr type="h" for="des" forName="horz2" refType="h"/>
      <dgm:constr type="h" for="des" forName="vert2" refType="h"/>
      <dgm:constr type="h" for="des" forName="horz3" refType="h"/>
      <dgm:constr type="h" for="des" forName="vert3" refType="h"/>
      <dgm:constr type="h" for="des" forName="horz4" refType="h"/>
      <dgm:constr type="h" for="des" ptType="node" refType="h"/>
      <dgm:constr type="primFontSz" for="des" forName="tx1" op="equ" val="65"/>
      <dgm:constr type="primFontSz" for="des" forName="tx2" op="equ" val="65"/>
      <dgm:constr type="primFontSz" for="des" forName="tx3" op="equ" val="65"/>
      <dgm:constr type="primFontSz" for="des" forName="tx4" op="equ" val="65"/>
      <dgm:constr type="w" for="des" forName="thickLine" refType="w"/>
      <dgm:constr type="h" for="des" forName="thickLine"/>
      <dgm:constr type="h" for="des" forName="thinLine1"/>
      <dgm:constr type="h" for="des" forName="thinLine2b"/>
      <dgm:constr type="h" for="des" forName="thinLine3"/>
      <dgm:constr type="h" for="des" forName="vertSpace2a" refType="h" fact="0.05"/>
      <dgm:constr type="h" for="des" forName="vertSpace2b" refType="h" refFor="des" refForName="vertSpace2a"/>
    </dgm:constrLst>
    <dgm:forEach name="Name3" axis="ch" ptType="node">
      <dgm:layoutNode name="thickLine" styleLbl="alignNode1">
        <dgm:alg type="sp"/>
        <dgm:shape xmlns:r="http://schemas.openxmlformats.org/officeDocument/2006/relationships" type="line" r:blip="">
          <dgm:adjLst/>
        </dgm:shape>
        <dgm:presOf/>
      </dgm:layoutNode>
      <dgm:layoutNode name="horz1">
        <dgm:choose name="Name4">
          <dgm:if name="Name5" func="var" arg="dir" op="equ" val="norm">
            <dgm:alg type="lin">
              <dgm:param type="linDir" val="fromL"/>
              <dgm:param type="nodeVertAlign" val="t"/>
            </dgm:alg>
          </dgm:if>
          <dgm:else name="Name6">
            <dgm:alg type="lin">
              <dgm:param type="linDir" val="fromR"/>
              <dgm:param type="nodeVertAlign" val="t"/>
            </dgm:alg>
          </dgm:else>
        </dgm:choose>
        <dgm:shape xmlns:r="http://schemas.openxmlformats.org/officeDocument/2006/relationships" r:blip="">
          <dgm:adjLst/>
        </dgm:shape>
        <dgm:presOf/>
        <dgm:choose name="Name7">
          <dgm:if name="Name8" axis="root des" func="maxDepth" op="equ" val="1">
            <dgm:constrLst>
              <dgm:constr type="w" for="ch" forName="tx1" refType="w"/>
            </dgm:constrLst>
          </dgm:if>
          <dgm:if name="Name9" axis="root des" func="maxDepth" op="equ" val="2">
            <dgm:constrLst>
              <dgm:constr type="w" for="ch" forName="tx1" refType="w" fact="0.2"/>
              <dgm:constr type="w" for="des" forName="tx2" refType="w" fact="0.785"/>
              <dgm:constr type="w" for="des" forName="horzSpace2" refType="w" fact="0.015"/>
              <dgm:constr type="w" for="des" forName="thinLine2b" refType="w" fact="0.8"/>
            </dgm:constrLst>
          </dgm:if>
          <dgm:if name="Name10" axis="root des" func="maxDepth" op="equ" val="3">
            <dgm:constrLst>
              <dgm:constr type="w" for="ch" forName="tx1" refType="w" fact="0.2"/>
              <dgm:constr type="w" for="des" forName="tx2" refType="w" fact="0.385"/>
              <dgm:constr type="w" for="des" forName="tx3" refType="w" fact="0.385"/>
              <dgm:constr type="w" for="des" forName="horzSpace2" refType="w" fact="0.015"/>
              <dgm:constr type="w" for="des" forName="horzSpace3" refType="w" fact="0.015"/>
              <dgm:constr type="w" for="des" forName="thinLine2b" refType="w" fact="0.8"/>
              <dgm:constr type="w" for="des" forName="thinLine3" refType="w" fact="0.385"/>
            </dgm:constrLst>
          </dgm:if>
          <dgm:if name="Name11" axis="root des" func="maxDepth" op="gte" val="4">
            <dgm:constrLst>
              <dgm:constr type="w" for="ch" forName="tx1" refType="w" fact="0.2"/>
              <dgm:constr type="w" for="des" forName="tx2" refType="w" fact="0.2516"/>
              <dgm:constr type="w" for="des" forName="tx3" refType="w" fact="0.2516"/>
              <dgm:constr type="w" for="des" forName="tx4" refType="w" fact="0.2516"/>
              <dgm:constr type="w" for="des" forName="horzSpace2" refType="w" fact="0.015"/>
              <dgm:constr type="w" for="des" forName="horzSpace3" refType="w" fact="0.015"/>
              <dgm:constr type="w" for="des" forName="horzSpace4" refType="w" fact="0.015"/>
              <dgm:constr type="w" for="des" forName="thinLine2b" refType="w" fact="0.8"/>
              <dgm:constr type="w" for="des" forName="thinLine3" refType="w" fact="0.5332"/>
            </dgm:constrLst>
          </dgm:if>
          <dgm:else name="Name12"/>
        </dgm:choose>
        <dgm:layoutNode name="tx1" styleLbl="revTx">
          <dgm:alg type="tx">
            <dgm:param type="parTxLTRAlign" val="l"/>
            <dgm:param type="parTxRTLAlign" val="r"/>
            <dgm:param type="txAnchorVert" val="t"/>
          </dgm:alg>
          <dgm:shape xmlns:r="http://schemas.openxmlformats.org/officeDocument/2006/relationships" type="rect" r:blip="">
            <dgm:adjLst/>
          </dgm:shape>
          <dgm:presOf axis="self"/>
          <dgm:constrLst>
            <dgm:constr type="tMarg" refType="primFontSz" fact="0.3"/>
            <dgm:constr type="bMarg" refType="primFontSz" fact="0.3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layoutNode name="vert1">
          <dgm:choose name="Name13">
            <dgm:if name="Name14" func="var" arg="dir" op="equ" val="norm">
              <dgm:alg type="lin">
                <dgm:param type="linDir" val="fromT"/>
                <dgm:param type="nodeHorzAlign" val="l"/>
              </dgm:alg>
            </dgm:if>
            <dgm:else name="Name15">
              <dgm:alg type="lin">
                <dgm:param type="linDir" val="fromT"/>
                <dgm:param type="nodeHorzAlign" val="r"/>
              </dgm:alg>
            </dgm:else>
          </dgm:choose>
          <dgm:shape xmlns:r="http://schemas.openxmlformats.org/officeDocument/2006/relationships" r:blip="">
            <dgm:adjLst/>
          </dgm:shape>
          <dgm:presOf/>
          <dgm:forEach name="Name16" axis="ch" ptType="node">
            <dgm:choose name="Name17">
              <dgm:if name="Name18" axis="self" ptType="node" func="pos" op="equ" val="1">
                <dgm:layoutNode name="vertSpace2a">
                  <dgm:alg type="sp"/>
                  <dgm:shape xmlns:r="http://schemas.openxmlformats.org/officeDocument/2006/relationships" r:blip="">
                    <dgm:adjLst/>
                  </dgm:shape>
                  <dgm:presOf/>
                </dgm:layoutNode>
              </dgm:if>
              <dgm:else name="Name19"/>
            </dgm:choose>
            <dgm:layoutNode name="horz2">
              <dgm:choose name="Name20">
                <dgm:if name="Name21" func="var" arg="dir" op="equ" val="norm">
                  <dgm:alg type="lin">
                    <dgm:param type="linDir" val="fromL"/>
                    <dgm:param type="nodeVertAlign" val="t"/>
                  </dgm:alg>
                </dgm:if>
                <dgm:else name="Name22">
                  <dgm:alg type="lin">
                    <dgm:param type="linDir" val="fromR"/>
                    <dgm:param type="nodeVertAlign" val="t"/>
                  </dgm:alg>
                </dgm:else>
              </dgm:choose>
              <dgm:shape xmlns:r="http://schemas.openxmlformats.org/officeDocument/2006/relationships" r:blip="">
                <dgm:adjLst/>
              </dgm:shape>
              <dgm:presOf/>
              <dgm:layoutNode name="horzSpace2">
                <dgm:alg type="sp"/>
                <dgm:shape xmlns:r="http://schemas.openxmlformats.org/officeDocument/2006/relationships" r:blip="">
                  <dgm:adjLst/>
                </dgm:shape>
                <dgm:presOf/>
              </dgm:layoutNode>
              <dgm:layoutNode name="tx2" styleLbl="revTx">
                <dgm:alg type="tx">
                  <dgm:param type="parTxLTRAlign" val="l"/>
                  <dgm:param type="parTxRTLAlign" val="r"/>
                  <dgm:param type="txAnchorVert" val="t"/>
                </dgm:alg>
                <dgm:shape xmlns:r="http://schemas.openxmlformats.org/officeDocument/2006/relationships" type="rect" r:blip="">
                  <dgm:adjLst/>
                </dgm:shape>
                <dgm:presOf axis="self"/>
                <dgm:constrLst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vert2">
                <dgm:choose name="Name23">
                  <dgm:if name="Name24" func="var" arg="dir" op="equ" val="norm">
                    <dgm:alg type="lin">
                      <dgm:param type="linDir" val="fromT"/>
                      <dgm:param type="nodeHorzAlign" val="l"/>
                    </dgm:alg>
                  </dgm:if>
                  <dgm:else name="Name25">
                    <dgm:alg type="lin">
                      <dgm:param type="linDir" val="fromT"/>
                      <dgm:param type="nodeHorzAlign" val="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forEach name="Name26" axis="ch" ptType="node">
                  <dgm:layoutNode name="horz3">
                    <dgm:choose name="Name27">
                      <dgm:if name="Name28" func="var" arg="dir" op="equ" val="norm">
                        <dgm:alg type="lin">
                          <dgm:param type="linDir" val="fromL"/>
                          <dgm:param type="nodeVertAlign" val="t"/>
                        </dgm:alg>
                      </dgm:if>
                      <dgm:else name="Name29">
                        <dgm:alg type="lin">
                          <dgm:param type="linDir" val="fromR"/>
                          <dgm:param type="nodeVertAlign" val="t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layoutNode name="horzSpace3">
                      <dgm:alg type="sp"/>
                      <dgm:shape xmlns:r="http://schemas.openxmlformats.org/officeDocument/2006/relationships" r:blip="">
                        <dgm:adjLst/>
                      </dgm:shape>
                      <dgm:presOf/>
                    </dgm:layoutNode>
                    <dgm:layoutNode name="tx3" styleLbl="revTx">
                      <dgm:alg type="tx">
                        <dgm:param type="parTxLTRAlign" val="l"/>
                        <dgm:param type="parTxRTLAlign" val="r"/>
                        <dgm:param type="txAnchorVert" val="t"/>
                      </dgm:alg>
                      <dgm:shape xmlns:r="http://schemas.openxmlformats.org/officeDocument/2006/relationships" type="rect" r:blip="">
                        <dgm:adjLst/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  <dgm:layoutNode name="vert3">
                      <dgm:choose name="Name30">
                        <dgm:if name="Name31" func="var" arg="dir" op="equ" val="norm">
                          <dgm:alg type="lin">
                            <dgm:param type="linDir" val="fromT"/>
                            <dgm:param type="nodeHorzAlign" val="l"/>
                          </dgm:alg>
                        </dgm:if>
                        <dgm:else name="Name32">
                          <dgm:alg type="lin">
                            <dgm:param type="linDir" val="fromT"/>
                            <dgm:param type="nodeHorzAlign" val="r"/>
                          </dgm:alg>
                        </dgm:else>
                      </dgm:choose>
                      <dgm:shape xmlns:r="http://schemas.openxmlformats.org/officeDocument/2006/relationships" r:blip="">
                        <dgm:adjLst/>
                      </dgm:shape>
                      <dgm:presOf/>
                      <dgm:forEach name="Name33" axis="ch" ptType="node">
                        <dgm:layoutNode name="horz4">
                          <dgm:choose name="Name34">
                            <dgm:if name="Name35" func="var" arg="dir" op="equ" val="norm">
                              <dgm:alg type="lin">
                                <dgm:param type="linDir" val="fromL"/>
                                <dgm:param type="nodeVertAlign" val="t"/>
                              </dgm:alg>
                            </dgm:if>
                            <dgm:else name="Name36">
                              <dgm:alg type="lin">
                                <dgm:param type="linDir" val="fromR"/>
                                <dgm:param type="nodeVertAlign" val="t"/>
                              </dgm:alg>
                            </dgm:else>
                          </dgm:choose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layoutNode name="horzSpace4">
                            <dgm:alg type="sp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</dgm:layoutNode>
                          <dgm:layoutNode name="tx4" styleLbl="revTx">
                            <dgm:varLst>
                              <dgm:bulletEnabled val="1"/>
                            </dgm:varLst>
                            <dgm:alg type="tx">
                              <dgm:param type="parTxLTRAlign" val="l"/>
                              <dgm:param type="parTxRTLAlign" val="r"/>
                              <dgm:param type="txAnchorVert" val="t"/>
                            </dgm:alg>
                            <dgm:shape xmlns:r="http://schemas.openxmlformats.org/officeDocument/2006/relationships" type="rect" r:blip="">
                              <dgm:adjLst/>
                            </dgm:shape>
                            <dgm:presOf axis="desOrSelf" ptType="node"/>
                            <dgm:constrLst>
                              <dgm:constr type="tMarg" refType="primFontSz" fact="0.3"/>
                              <dgm:constr type="bMarg" refType="primFontSz" fact="0.3"/>
                              <dgm:constr type="lMarg" refType="primFontSz" fact="0.3"/>
                              <dgm:constr type="rMarg" refType="primFontSz" fact="0.3"/>
                            </dgm:constrLst>
                            <dgm:ruleLst>
                              <dgm:rule type="primFontSz" val="5" fact="NaN" max="NaN"/>
                            </dgm:ruleLst>
                          </dgm:layoutNode>
                        </dgm:layoutNode>
                      </dgm:forEach>
                    </dgm:layoutNode>
                  </dgm:layoutNode>
                  <dgm:forEach name="Name37" axis="followSib" ptType="sibTrans" cnt="1">
                    <dgm:layoutNode name="thinLine3" styleLbl="callout">
                      <dgm:alg type="sp"/>
                      <dgm:shape xmlns:r="http://schemas.openxmlformats.org/officeDocument/2006/relationships" type="line" r:blip="">
                        <dgm:adjLst/>
                      </dgm:shape>
                      <dgm:presOf/>
                    </dgm:layoutNode>
                  </dgm:forEach>
                </dgm:forEach>
              </dgm:layoutNode>
            </dgm:layoutNode>
            <dgm:layoutNode name="thinLine2b" styleLbl="callout">
              <dgm:alg type="sp"/>
              <dgm:shape xmlns:r="http://schemas.openxmlformats.org/officeDocument/2006/relationships" type="line" r:blip="">
                <dgm:adjLst/>
              </dgm:shape>
              <dgm:presOf/>
            </dgm:layoutNode>
            <dgm:layoutNode name="vertSpace2b">
              <dgm:alg type="sp"/>
              <dgm:shape xmlns:r="http://schemas.openxmlformats.org/officeDocument/2006/relationships" r:blip="">
                <dgm:adjLst/>
              </dgm:shape>
              <dgm:presOf/>
            </dgm:layoutNode>
          </dgm:forEach>
        </dgm:layoutNode>
      </dgm:layoutNode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0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4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5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6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7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8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9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886" tIns="45943" rIns="91886" bIns="45943" numCol="1" anchor="t" anchorCtr="0" compatLnSpc="1">
            <a:prstTxWarp prst="textNoShape">
              <a:avLst/>
            </a:prstTxWarp>
          </a:bodyPr>
          <a:lstStyle>
            <a:lvl1pPr>
              <a:defRPr sz="1200" noProof="1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s-SV"/>
          </a:p>
        </p:txBody>
      </p:sp>
      <p:sp>
        <p:nvSpPr>
          <p:cNvPr id="81923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4008438" y="0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886" tIns="45943" rIns="91886" bIns="45943" numCol="1" anchor="t" anchorCtr="0" compatLnSpc="1">
            <a:prstTxWarp prst="textNoShape">
              <a:avLst/>
            </a:prstTxWarp>
          </a:bodyPr>
          <a:lstStyle>
            <a:lvl1pPr algn="r">
              <a:defRPr sz="1200" noProof="1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1924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886" tIns="45943" rIns="91886" bIns="45943" numCol="1" anchor="b" anchorCtr="0" compatLnSpc="1">
            <a:prstTxWarp prst="textNoShape">
              <a:avLst/>
            </a:prstTxWarp>
          </a:bodyPr>
          <a:lstStyle>
            <a:lvl1pPr>
              <a:defRPr sz="1200" noProof="1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es-SV"/>
          </a:p>
        </p:txBody>
      </p:sp>
      <p:sp>
        <p:nvSpPr>
          <p:cNvPr id="81925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886" tIns="45943" rIns="91886" bIns="45943" numCol="1" anchor="b" anchorCtr="0" compatLnSpc="1">
            <a:prstTxWarp prst="textNoShape">
              <a:avLst/>
            </a:prstTxWarp>
          </a:bodyPr>
          <a:lstStyle>
            <a:lvl1pPr algn="r">
              <a:defRPr sz="1200" noProof="1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FDCABAEE-B210-4B71-9D59-F29CF5EF4702}" type="slidenum">
              <a:rPr/>
              <a:pPr>
                <a:defRPr/>
              </a:pPr>
              <a:t>‹#›</a:t>
            </a:fld>
            <a:endParaRPr lang="es-SV"/>
          </a:p>
        </p:txBody>
      </p:sp>
    </p:spTree>
    <p:extLst>
      <p:ext uri="{BB962C8B-B14F-4D97-AF65-F5344CB8AC3E}">
        <p14:creationId xmlns:p14="http://schemas.microsoft.com/office/powerpoint/2010/main" val="3895099453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886" tIns="45943" rIns="91886" bIns="45943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195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4008438" y="0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886" tIns="45943" rIns="91886" bIns="45943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45060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287463" y="676275"/>
            <a:ext cx="4502150" cy="3376613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197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708025" y="4276725"/>
            <a:ext cx="5661025" cy="4052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886" tIns="45943" rIns="91886" bIns="45943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noProof="0" smtClean="0"/>
              <a:t>Textmasterformate durch Klicken bearbeiten</a:t>
            </a:r>
          </a:p>
          <a:p>
            <a:pPr lvl="1"/>
            <a:r>
              <a:rPr lang="de-DE" noProof="0" smtClean="0"/>
              <a:t>Zweite Ebene</a:t>
            </a:r>
          </a:p>
          <a:p>
            <a:pPr lvl="2"/>
            <a:r>
              <a:rPr lang="de-DE" noProof="0" smtClean="0"/>
              <a:t>Dritte Ebene</a:t>
            </a:r>
          </a:p>
          <a:p>
            <a:pPr lvl="3"/>
            <a:r>
              <a:rPr lang="de-DE" noProof="0" smtClean="0"/>
              <a:t>Vierte Ebene</a:t>
            </a:r>
          </a:p>
          <a:p>
            <a:pPr lvl="4"/>
            <a:r>
              <a:rPr lang="de-DE" noProof="0" smtClean="0"/>
              <a:t>Fünfte Ebene</a:t>
            </a:r>
          </a:p>
        </p:txBody>
      </p:sp>
      <p:sp>
        <p:nvSpPr>
          <p:cNvPr id="8198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886" tIns="45943" rIns="91886" bIns="45943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8199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886" tIns="45943" rIns="91886" bIns="45943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Times New Roman" pitchFamily="18" charset="0"/>
                <a:cs typeface="+mn-cs"/>
              </a:defRPr>
            </a:lvl1pPr>
          </a:lstStyle>
          <a:p>
            <a:pPr>
              <a:defRPr/>
            </a:pPr>
            <a:fld id="{25162E77-D91C-45B0-9D26-DA46EE52A1A8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157918304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22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AD5B2C84-725A-4408-9B35-C098DF2A143B}" type="slidenum">
              <a:rPr lang="de-DE" smtClean="0"/>
              <a:pPr>
                <a:defRPr/>
              </a:pPr>
              <a:t>1</a:t>
            </a:fld>
            <a:endParaRPr lang="de-DE" smtClean="0"/>
          </a:p>
        </p:txBody>
      </p:sp>
      <p:sp>
        <p:nvSpPr>
          <p:cNvPr id="46083" name="Rectangle 7"/>
          <p:cNvSpPr txBox="1">
            <a:spLocks noGrp="1" noChangeArrowheads="1"/>
          </p:cNvSpPr>
          <p:nvPr/>
        </p:nvSpPr>
        <p:spPr bwMode="auto">
          <a:xfrm>
            <a:off x="4011613" y="8556625"/>
            <a:ext cx="3065462" cy="447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5286" tIns="47647" rIns="95286" bIns="47647" anchor="b"/>
          <a:lstStyle/>
          <a:p>
            <a:pPr algn="r" defTabSz="950913"/>
            <a:fld id="{ACBFBFCA-C5A8-4B2B-AD3D-76AC3FC26B60}" type="slidenum">
              <a:rPr lang="en-GB" sz="1300"/>
              <a:pPr algn="r" defTabSz="950913"/>
              <a:t>1</a:t>
            </a:fld>
            <a:endParaRPr lang="en-GB" sz="1300"/>
          </a:p>
        </p:txBody>
      </p:sp>
      <p:sp>
        <p:nvSpPr>
          <p:cNvPr id="4608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87463" y="676275"/>
            <a:ext cx="4503737" cy="3378200"/>
          </a:xfrm>
          <a:ln/>
        </p:spPr>
      </p:sp>
      <p:sp>
        <p:nvSpPr>
          <p:cNvPr id="4608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42975" y="4276725"/>
            <a:ext cx="5191125" cy="4052888"/>
          </a:xfrm>
          <a:noFill/>
          <a:ln/>
        </p:spPr>
        <p:txBody>
          <a:bodyPr lIns="95286" tIns="47647" rIns="95286" bIns="47647"/>
          <a:lstStyle/>
          <a:p>
            <a:pPr eaLnBrk="1" hangingPunct="1"/>
            <a:endParaRPr lang="de-DE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algn="r"/>
              <a:t>12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algn="r"/>
              <a:t>13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algn="r"/>
              <a:t>14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algn="r"/>
              <a:t>15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818" name="Rectangle 7"/>
          <p:cNvSpPr>
            <a:spLocks noGrp="1" noChangeArrowheads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807E7906-7876-4DB7-BEB6-7E9A646EFF96}" type="slidenum">
              <a:rPr lang="de-DE" smtClean="0">
                <a:solidFill>
                  <a:prstClr val="black"/>
                </a:solidFill>
              </a:rPr>
              <a:pPr>
                <a:defRPr/>
              </a:pPr>
              <a:t>17</a:t>
            </a:fld>
            <a:endParaRPr lang="de-DE" smtClean="0">
              <a:solidFill>
                <a:prstClr val="black"/>
              </a:solidFill>
            </a:endParaRPr>
          </a:p>
        </p:txBody>
      </p:sp>
      <p:sp>
        <p:nvSpPr>
          <p:cNvPr id="5632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87463" y="676275"/>
            <a:ext cx="4503737" cy="3378200"/>
          </a:xfrm>
          <a:ln/>
        </p:spPr>
      </p:sp>
      <p:sp>
        <p:nvSpPr>
          <p:cNvPr id="5632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42975" y="4276725"/>
            <a:ext cx="5191125" cy="4052888"/>
          </a:xfrm>
          <a:noFill/>
          <a:ln/>
        </p:spPr>
        <p:txBody>
          <a:bodyPr/>
          <a:lstStyle/>
          <a:p>
            <a:pPr eaLnBrk="1" hangingPunct="1"/>
            <a:endParaRPr lang="de-DE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3732DB2D-D394-412E-BC62-6B4D9EC66CF4}" type="slidenum">
              <a:rPr lang="de-DE" sz="1200">
                <a:latin typeface="Times New Roman" pitchFamily="18" charset="0"/>
              </a:rPr>
              <a:pPr algn="r"/>
              <a:t>2</a:t>
            </a:fld>
            <a:endParaRPr lang="de-DE" sz="1200">
              <a:latin typeface="Times New Roman" pitchFamily="18" charset="0"/>
            </a:endParaRPr>
          </a:p>
        </p:txBody>
      </p:sp>
      <p:sp>
        <p:nvSpPr>
          <p:cNvPr id="245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2457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latin typeface="Times New Roman" pitchFamily="18" charset="0"/>
              </a:rPr>
              <a:pPr algn="r"/>
              <a:t>4</a:t>
            </a:fld>
            <a:endParaRPr lang="de-DE" sz="1200"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latin typeface="Times New Roman" pitchFamily="18" charset="0"/>
              </a:rPr>
              <a:pPr algn="r"/>
              <a:t>6</a:t>
            </a:fld>
            <a:endParaRPr lang="de-DE" sz="1200"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algn="r"/>
              <a:t>7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algn="r"/>
              <a:t>8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algn="r"/>
              <a:t>9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algn="r"/>
              <a:t>10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 txBox="1">
            <a:spLocks noGrp="1" noChangeArrowheads="1"/>
          </p:cNvSpPr>
          <p:nvPr/>
        </p:nvSpPr>
        <p:spPr bwMode="auto">
          <a:xfrm>
            <a:off x="4008438" y="8551863"/>
            <a:ext cx="3067050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886" tIns="45943" rIns="91886" bIns="45943" anchor="b"/>
          <a:lstStyle/>
          <a:p>
            <a:pPr algn="r"/>
            <a:fld id="{E67F9F27-B895-4A24-BEDA-254BA78621CC}" type="slidenum">
              <a:rPr lang="de-DE" sz="1200">
                <a:solidFill>
                  <a:prstClr val="black"/>
                </a:solidFill>
                <a:latin typeface="Times New Roman" pitchFamily="18" charset="0"/>
              </a:rPr>
              <a:pPr algn="r"/>
              <a:t>11</a:t>
            </a:fld>
            <a:endParaRPr lang="de-DE" sz="1200">
              <a:solidFill>
                <a:prstClr val="black"/>
              </a:solidFill>
              <a:latin typeface="Times New Roman" pitchFamily="18" charset="0"/>
            </a:endParaRPr>
          </a:p>
        </p:txBody>
      </p:sp>
      <p:sp>
        <p:nvSpPr>
          <p:cNvPr id="4710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-12700"/>
            <a:ext cx="6130925" cy="4598988"/>
          </a:xfrm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57175" y="4808538"/>
            <a:ext cx="6635750" cy="3709987"/>
          </a:xfrm>
          <a:noFill/>
          <a:ln/>
        </p:spPr>
        <p:txBody>
          <a:bodyPr lIns="90153" tIns="45079" rIns="90153" bIns="45079"/>
          <a:lstStyle/>
          <a:p>
            <a:pPr marL="0" indent="0"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None/>
            </a:pPr>
            <a:endParaRPr lang="es-ES_tradnl" sz="1200" dirty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Diapositiva de título">
    <p:bg bwMode="gray">
      <p:bgPr>
        <a:blipFill dpi="0" rotWithShape="0">
          <a:blip r:embed="rId2" cstate="email">
            <a:lum/>
          </a:blip>
          <a:srcRect/>
          <a:stretch>
            <a:fillRect t="-6000" b="-6000"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2" name="Rectangle 7"/>
          <p:cNvSpPr>
            <a:spLocks noGrp="1" noChangeArrowheads="1"/>
          </p:cNvSpPr>
          <p:nvPr>
            <p:ph type="ctrTitle"/>
          </p:nvPr>
        </p:nvSpPr>
        <p:spPr>
          <a:xfrm>
            <a:off x="863600" y="4519613"/>
            <a:ext cx="7485063" cy="960437"/>
          </a:xfrm>
        </p:spPr>
        <p:txBody>
          <a:bodyPr anchor="t"/>
          <a:lstStyle>
            <a:lvl1pPr>
              <a:defRPr sz="3200">
                <a:solidFill>
                  <a:schemeClr val="bg1"/>
                </a:solidFill>
              </a:defRPr>
            </a:lvl1pPr>
          </a:lstStyle>
          <a:p>
            <a:r>
              <a:rPr lang="de-DE"/>
              <a:t>Titelmasterformat durch Klicken bearbeiten</a:t>
            </a:r>
          </a:p>
        </p:txBody>
      </p:sp>
      <p:sp>
        <p:nvSpPr>
          <p:cNvPr id="12293" name="Rectangle 12"/>
          <p:cNvSpPr>
            <a:spLocks noGrp="1" noChangeArrowheads="1"/>
          </p:cNvSpPr>
          <p:nvPr>
            <p:ph type="subTitle" idx="1"/>
          </p:nvPr>
        </p:nvSpPr>
        <p:spPr>
          <a:xfrm>
            <a:off x="863600" y="5514975"/>
            <a:ext cx="7510463" cy="800100"/>
          </a:xfrm>
        </p:spPr>
        <p:txBody>
          <a:bodyPr/>
          <a:lstStyle>
            <a:lvl1pPr marL="0" indent="0">
              <a:buFont typeface="Wingdings" pitchFamily="2" charset="2"/>
              <a:buNone/>
              <a:defRPr sz="2200" b="0">
                <a:solidFill>
                  <a:schemeClr val="bg1"/>
                </a:solidFill>
              </a:defRPr>
            </a:lvl1pPr>
          </a:lstStyle>
          <a:p>
            <a:r>
              <a:rPr lang="de-DE"/>
              <a:t>Formatvorlage des Untertitelmasters durch Klicken bearbeiten</a:t>
            </a:r>
          </a:p>
        </p:txBody>
      </p:sp>
    </p:spTree>
  </p:cSld>
  <p:clrMapOvr>
    <a:masterClrMapping/>
  </p:clrMapOvr>
  <p:transition spd="med">
    <p:fade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SV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SV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708775" y="100013"/>
            <a:ext cx="2130425" cy="5905500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SV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314325" y="100013"/>
            <a:ext cx="6242050" cy="5905500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SV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 sz="900">
                <a:solidFill>
                  <a:schemeClr val="accent3">
                    <a:lumMod val="50000"/>
                  </a:schemeClr>
                </a:solidFill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fld id="{3D15374F-2353-465C-A5AE-95D5EBD2B161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bg>
      <p:bgPr>
        <a:blipFill dpi="0" rotWithShape="0">
          <a:blip r:embed="rId2" cstate="email">
            <a:lum/>
          </a:blip>
          <a:srcRect/>
          <a:stretch>
            <a:fillRect l="-4000" r="-4000"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SV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SV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SV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SV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314325" y="1614488"/>
            <a:ext cx="4186238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SV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52963" y="1614488"/>
            <a:ext cx="4186237" cy="439102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SV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SV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SV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SV"/>
          </a:p>
        </p:txBody>
      </p:sp>
      <p:sp>
        <p:nvSpPr>
          <p:cNvPr id="7" name="6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Sólo el título">
    <p:bg>
      <p:bgPr>
        <a:blipFill dpi="0" rotWithShape="0">
          <a:blip r:embed="rId2" cstate="email">
            <a:lum/>
          </a:blip>
          <a:srcRect/>
          <a:stretch>
            <a:fillRect l="-1000" r="-1000"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5"/>
          <p:cNvSpPr>
            <a:spLocks noChangeArrowheads="1"/>
          </p:cNvSpPr>
          <p:nvPr/>
        </p:nvSpPr>
        <p:spPr bwMode="gray">
          <a:xfrm>
            <a:off x="2162175" y="6408738"/>
            <a:ext cx="47847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endParaRPr lang="en-US" sz="1000" dirty="0">
              <a:cs typeface="+mn-cs"/>
            </a:endParaRPr>
          </a:p>
        </p:txBody>
      </p:sp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SV"/>
          </a:p>
        </p:txBody>
      </p:sp>
      <p:sp>
        <p:nvSpPr>
          <p:cNvPr id="4" name="2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 sz="1000">
                <a:solidFill>
                  <a:schemeClr val="accent3">
                    <a:lumMod val="50000"/>
                  </a:schemeClr>
                </a:solidFill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fld id="{A76BF0C4-FFE3-4E21-B364-2EA7C0177C6A}" type="slidenum">
              <a:rPr lang="de-DE"/>
              <a:pPr>
                <a:defRPr/>
              </a:pPr>
              <a:t>‹#›</a:t>
            </a:fld>
            <a:endParaRPr lang="de-DE"/>
          </a:p>
        </p:txBody>
      </p:sp>
    </p:spTree>
  </p:cSld>
  <p:clrMapOvr>
    <a:masterClrMapping/>
  </p:clrMapOvr>
  <p:transition spd="med"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SV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SV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SV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s-SV" noProof="0" dirty="0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7516813" y="6408738"/>
            <a:ext cx="1343025" cy="247650"/>
          </a:xfrm>
          <a:prstGeom prst="rect">
            <a:avLst/>
          </a:prstGeom>
        </p:spPr>
        <p:txBody>
          <a:bodyPr/>
          <a:lstStyle>
            <a:lvl1pPr>
              <a:defRPr>
                <a:cs typeface="+mn-cs"/>
              </a:defRPr>
            </a:lvl1pPr>
          </a:lstStyle>
          <a:p>
            <a:pPr>
              <a:defRPr/>
            </a:pPr>
            <a:r>
              <a:rPr lang="de-DE"/>
              <a:t>Página No. </a:t>
            </a:r>
            <a:endParaRPr lang="de-DE" dirty="0"/>
          </a:p>
        </p:txBody>
      </p:sp>
    </p:spTree>
  </p:cSld>
  <p:clrMapOvr>
    <a:masterClrMapping/>
  </p:clrMapOvr>
  <p:transition spd="med">
    <p:fade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blipFill dpi="0" rotWithShape="0">
          <a:blip r:embed="rId13" cstate="email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7" name="Rectangle 5"/>
          <p:cNvSpPr>
            <a:spLocks noChangeArrowheads="1"/>
          </p:cNvSpPr>
          <p:nvPr/>
        </p:nvSpPr>
        <p:spPr bwMode="gray">
          <a:xfrm>
            <a:off x="2162175" y="6408738"/>
            <a:ext cx="47847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endParaRPr lang="en-US" sz="1000" dirty="0">
              <a:cs typeface="+mn-cs"/>
            </a:endParaRPr>
          </a:p>
        </p:txBody>
      </p:sp>
      <p:sp>
        <p:nvSpPr>
          <p:cNvPr id="14339" name="Rectangle 7"/>
          <p:cNvSpPr>
            <a:spLocks noGrp="1" noChangeArrowheads="1"/>
          </p:cNvSpPr>
          <p:nvPr>
            <p:ph type="title"/>
          </p:nvPr>
        </p:nvSpPr>
        <p:spPr bwMode="gray">
          <a:xfrm>
            <a:off x="314325" y="100013"/>
            <a:ext cx="6705600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as Titelformat zu bearbeiten</a:t>
            </a:r>
          </a:p>
        </p:txBody>
      </p:sp>
      <p:sp>
        <p:nvSpPr>
          <p:cNvPr id="14340" name="Rectangle 12"/>
          <p:cNvSpPr>
            <a:spLocks noGrp="1" noChangeArrowheads="1"/>
          </p:cNvSpPr>
          <p:nvPr>
            <p:ph type="body" idx="1"/>
          </p:nvPr>
        </p:nvSpPr>
        <p:spPr bwMode="gray">
          <a:xfrm>
            <a:off x="314325" y="1614488"/>
            <a:ext cx="8524875" cy="4391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smtClean="0"/>
              <a:t>Klicken Sie, um die Formate des Vorlagentextes zu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</p:txBody>
      </p:sp>
      <p:sp>
        <p:nvSpPr>
          <p:cNvPr id="7" name="Rectangle 10"/>
          <p:cNvSpPr txBox="1">
            <a:spLocks noChangeArrowheads="1"/>
          </p:cNvSpPr>
          <p:nvPr/>
        </p:nvSpPr>
        <p:spPr bwMode="gray">
          <a:xfrm>
            <a:off x="311150" y="6408738"/>
            <a:ext cx="3843338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>
            <a:lvl1pPr>
              <a:defRPr sz="1000"/>
            </a:lvl1pPr>
          </a:lstStyle>
          <a:p>
            <a:pPr>
              <a:defRPr/>
            </a:pPr>
            <a:r>
              <a:rPr lang="de-DE" sz="900" dirty="0" smtClean="0">
                <a:solidFill>
                  <a:schemeClr val="accent4">
                    <a:lumMod val="65000"/>
                    <a:lumOff val="35000"/>
                  </a:schemeClr>
                </a:solidFill>
                <a:cs typeface="+mn-cs"/>
              </a:rPr>
              <a:t>Secretaría General del Sistema de la Integración Centroamericana</a:t>
            </a:r>
            <a:endParaRPr lang="de-DE" sz="900" dirty="0">
              <a:solidFill>
                <a:schemeClr val="accent4">
                  <a:lumMod val="65000"/>
                  <a:lumOff val="35000"/>
                </a:schemeClr>
              </a:solidFill>
              <a:cs typeface="+mn-cs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014" r:id="rId1"/>
    <p:sldLayoutId id="2147484015" r:id="rId2"/>
    <p:sldLayoutId id="2147484016" r:id="rId3"/>
    <p:sldLayoutId id="2147484017" r:id="rId4"/>
    <p:sldLayoutId id="2147484018" r:id="rId5"/>
    <p:sldLayoutId id="2147484019" r:id="rId6"/>
    <p:sldLayoutId id="2147484020" r:id="rId7"/>
    <p:sldLayoutId id="2147484021" r:id="rId8"/>
    <p:sldLayoutId id="2147484022" r:id="rId9"/>
    <p:sldLayoutId id="2147484023" r:id="rId10"/>
    <p:sldLayoutId id="2147484024" r:id="rId11"/>
  </p:sldLayoutIdLst>
  <p:transition spd="med">
    <p:fade/>
  </p:transition>
  <p:hf sldNum="0" hd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5pPr>
      <a:lvl6pPr marL="4572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6pPr>
      <a:lvl7pPr marL="9144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7pPr>
      <a:lvl8pPr marL="13716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8pPr>
      <a:lvl9pPr marL="1828800"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rgbClr val="FFFFFF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6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 b="1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2800"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3pPr>
      <a:lvl4pPr marL="768350" indent="-204788" algn="l" rtl="0" eaLnBrk="0" fontAlgn="base" hangingPunct="0">
        <a:spcBef>
          <a:spcPct val="30000"/>
        </a:spcBef>
        <a:spcAft>
          <a:spcPct val="0"/>
        </a:spcAft>
        <a:buClr>
          <a:schemeClr val="accent1"/>
        </a:buClr>
        <a:buChar char="-"/>
        <a:defRPr sz="1600">
          <a:solidFill>
            <a:schemeClr val="tx1"/>
          </a:solidFill>
          <a:latin typeface="+mn-lt"/>
        </a:defRPr>
      </a:lvl4pPr>
      <a:lvl5pPr marL="10509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5pPr>
      <a:lvl6pPr marL="15081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6pPr>
      <a:lvl7pPr marL="19653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7pPr>
      <a:lvl8pPr marL="24225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8pPr>
      <a:lvl9pPr marL="2879725" indent="-168275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s-SV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5.png"/><Relationship Id="rId4" Type="http://schemas.openxmlformats.org/officeDocument/2006/relationships/image" Target="../media/image4.png"/></Relationships>
</file>

<file path=ppt/slides/_rels/slide10.xml.rels><?xml version="1.0" encoding="UTF-8" standalone="yes"?>
<Relationships xmlns="http://schemas.openxmlformats.org/package/2006/relationships"><Relationship Id="rId8" Type="http://schemas.microsoft.com/office/2007/relationships/diagramDrawing" Target="../diagrams/drawing5.xml"/><Relationship Id="rId3" Type="http://schemas.openxmlformats.org/officeDocument/2006/relationships/notesSlide" Target="../notesSlides/notesSlide8.xml"/><Relationship Id="rId7" Type="http://schemas.openxmlformats.org/officeDocument/2006/relationships/diagramColors" Target="../diagrams/colors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7.xml"/><Relationship Id="rId6" Type="http://schemas.openxmlformats.org/officeDocument/2006/relationships/diagramQuickStyle" Target="../diagrams/quickStyle5.xml"/><Relationship Id="rId5" Type="http://schemas.openxmlformats.org/officeDocument/2006/relationships/diagramLayout" Target="../diagrams/layout5.xml"/><Relationship Id="rId4" Type="http://schemas.openxmlformats.org/officeDocument/2006/relationships/diagramData" Target="../diagrams/data5.xml"/></Relationships>
</file>

<file path=ppt/slides/_rels/slide11.xml.rels><?xml version="1.0" encoding="UTF-8" standalone="yes"?>
<Relationships xmlns="http://schemas.openxmlformats.org/package/2006/relationships"><Relationship Id="rId8" Type="http://schemas.microsoft.com/office/2007/relationships/diagramDrawing" Target="../diagrams/drawing6.xml"/><Relationship Id="rId3" Type="http://schemas.openxmlformats.org/officeDocument/2006/relationships/notesSlide" Target="../notesSlides/notesSlide9.xml"/><Relationship Id="rId7" Type="http://schemas.openxmlformats.org/officeDocument/2006/relationships/diagramColors" Target="../diagrams/colors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8.xml"/><Relationship Id="rId6" Type="http://schemas.openxmlformats.org/officeDocument/2006/relationships/diagramQuickStyle" Target="../diagrams/quickStyle6.xml"/><Relationship Id="rId5" Type="http://schemas.openxmlformats.org/officeDocument/2006/relationships/diagramLayout" Target="../diagrams/layout6.xml"/><Relationship Id="rId4" Type="http://schemas.openxmlformats.org/officeDocument/2006/relationships/diagramData" Target="../diagrams/data6.xml"/></Relationships>
</file>

<file path=ppt/slides/_rels/slide12.xml.rels><?xml version="1.0" encoding="UTF-8" standalone="yes"?>
<Relationships xmlns="http://schemas.openxmlformats.org/package/2006/relationships"><Relationship Id="rId8" Type="http://schemas.microsoft.com/office/2007/relationships/diagramDrawing" Target="../diagrams/drawing7.xml"/><Relationship Id="rId3" Type="http://schemas.openxmlformats.org/officeDocument/2006/relationships/notesSlide" Target="../notesSlides/notesSlide10.xml"/><Relationship Id="rId7" Type="http://schemas.openxmlformats.org/officeDocument/2006/relationships/diagramColors" Target="../diagrams/colors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9.xml"/><Relationship Id="rId6" Type="http://schemas.openxmlformats.org/officeDocument/2006/relationships/diagramQuickStyle" Target="../diagrams/quickStyle7.xml"/><Relationship Id="rId5" Type="http://schemas.openxmlformats.org/officeDocument/2006/relationships/diagramLayout" Target="../diagrams/layout7.xml"/><Relationship Id="rId4" Type="http://schemas.openxmlformats.org/officeDocument/2006/relationships/diagramData" Target="../diagrams/data7.xml"/></Relationships>
</file>

<file path=ppt/slides/_rels/slide13.xml.rels><?xml version="1.0" encoding="UTF-8" standalone="yes"?>
<Relationships xmlns="http://schemas.openxmlformats.org/package/2006/relationships"><Relationship Id="rId8" Type="http://schemas.microsoft.com/office/2007/relationships/diagramDrawing" Target="../diagrams/drawing8.xml"/><Relationship Id="rId3" Type="http://schemas.openxmlformats.org/officeDocument/2006/relationships/notesSlide" Target="../notesSlides/notesSlide11.xml"/><Relationship Id="rId7" Type="http://schemas.openxmlformats.org/officeDocument/2006/relationships/diagramColors" Target="../diagrams/colors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0.xml"/><Relationship Id="rId6" Type="http://schemas.openxmlformats.org/officeDocument/2006/relationships/diagramQuickStyle" Target="../diagrams/quickStyle8.xml"/><Relationship Id="rId5" Type="http://schemas.openxmlformats.org/officeDocument/2006/relationships/diagramLayout" Target="../diagrams/layout8.xml"/><Relationship Id="rId4" Type="http://schemas.openxmlformats.org/officeDocument/2006/relationships/diagramData" Target="../diagrams/data8.xml"/></Relationships>
</file>

<file path=ppt/slides/_rels/slide14.xml.rels><?xml version="1.0" encoding="UTF-8" standalone="yes"?>
<Relationships xmlns="http://schemas.openxmlformats.org/package/2006/relationships"><Relationship Id="rId8" Type="http://schemas.microsoft.com/office/2007/relationships/diagramDrawing" Target="../diagrams/drawing9.xml"/><Relationship Id="rId3" Type="http://schemas.openxmlformats.org/officeDocument/2006/relationships/notesSlide" Target="../notesSlides/notesSlide12.xml"/><Relationship Id="rId7" Type="http://schemas.openxmlformats.org/officeDocument/2006/relationships/diagramColors" Target="../diagrams/colors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1.xml"/><Relationship Id="rId6" Type="http://schemas.openxmlformats.org/officeDocument/2006/relationships/diagramQuickStyle" Target="../diagrams/quickStyle9.xml"/><Relationship Id="rId5" Type="http://schemas.openxmlformats.org/officeDocument/2006/relationships/diagramLayout" Target="../diagrams/layout9.xml"/><Relationship Id="rId4" Type="http://schemas.openxmlformats.org/officeDocument/2006/relationships/diagramData" Target="../diagrams/data9.xml"/></Relationships>
</file>

<file path=ppt/slides/_rels/slide15.xml.rels><?xml version="1.0" encoding="UTF-8" standalone="yes"?>
<Relationships xmlns="http://schemas.openxmlformats.org/package/2006/relationships"><Relationship Id="rId8" Type="http://schemas.microsoft.com/office/2007/relationships/diagramDrawing" Target="../diagrams/drawing10.xml"/><Relationship Id="rId3" Type="http://schemas.openxmlformats.org/officeDocument/2006/relationships/notesSlide" Target="../notesSlides/notesSlide13.xml"/><Relationship Id="rId7" Type="http://schemas.openxmlformats.org/officeDocument/2006/relationships/diagramColors" Target="../diagrams/colors1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2.xml"/><Relationship Id="rId6" Type="http://schemas.openxmlformats.org/officeDocument/2006/relationships/diagramQuickStyle" Target="../diagrams/quickStyle10.xml"/><Relationship Id="rId5" Type="http://schemas.openxmlformats.org/officeDocument/2006/relationships/diagramLayout" Target="../diagrams/layout10.xml"/><Relationship Id="rId4" Type="http://schemas.openxmlformats.org/officeDocument/2006/relationships/diagramData" Target="../diagrams/data10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6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22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7" Type="http://schemas.openxmlformats.org/officeDocument/2006/relationships/image" Target="../media/image9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6" Type="http://schemas.openxmlformats.org/officeDocument/2006/relationships/image" Target="../media/image8.png"/><Relationship Id="rId5" Type="http://schemas.openxmlformats.org/officeDocument/2006/relationships/image" Target="../media/image7.png"/><Relationship Id="rId4" Type="http://schemas.openxmlformats.org/officeDocument/2006/relationships/image" Target="../media/image6.jpeg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png"/><Relationship Id="rId13" Type="http://schemas.openxmlformats.org/officeDocument/2006/relationships/image" Target="../media/image19.png"/><Relationship Id="rId3" Type="http://schemas.openxmlformats.org/officeDocument/2006/relationships/notesSlide" Target="../notesSlides/notesSlide3.xml"/><Relationship Id="rId7" Type="http://schemas.openxmlformats.org/officeDocument/2006/relationships/image" Target="../media/image13.png"/><Relationship Id="rId12" Type="http://schemas.openxmlformats.org/officeDocument/2006/relationships/image" Target="../media/image18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6" Type="http://schemas.openxmlformats.org/officeDocument/2006/relationships/image" Target="../media/image12.png"/><Relationship Id="rId11" Type="http://schemas.openxmlformats.org/officeDocument/2006/relationships/image" Target="../media/image17.png"/><Relationship Id="rId5" Type="http://schemas.openxmlformats.org/officeDocument/2006/relationships/image" Target="../media/image11.jpeg"/><Relationship Id="rId10" Type="http://schemas.openxmlformats.org/officeDocument/2006/relationships/image" Target="../media/image16.png"/><Relationship Id="rId4" Type="http://schemas.openxmlformats.org/officeDocument/2006/relationships/image" Target="../media/image10.jpeg"/><Relationship Id="rId9" Type="http://schemas.openxmlformats.org/officeDocument/2006/relationships/image" Target="../media/image15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20.jpeg"/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8" Type="http://schemas.microsoft.com/office/2007/relationships/diagramDrawing" Target="../diagrams/drawing1.xml"/><Relationship Id="rId3" Type="http://schemas.openxmlformats.org/officeDocument/2006/relationships/notesSlide" Target="../notesSlides/notesSlide4.xml"/><Relationship Id="rId7" Type="http://schemas.openxmlformats.org/officeDocument/2006/relationships/diagramColors" Target="../diagrams/colors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6" Type="http://schemas.openxmlformats.org/officeDocument/2006/relationships/diagramQuickStyle" Target="../diagrams/quickStyle1.xml"/><Relationship Id="rId5" Type="http://schemas.openxmlformats.org/officeDocument/2006/relationships/diagramLayout" Target="../diagrams/layout1.xml"/><Relationship Id="rId4" Type="http://schemas.openxmlformats.org/officeDocument/2006/relationships/diagramData" Target="../diagrams/data1.xml"/></Relationships>
</file>

<file path=ppt/slides/_rels/slide7.xml.rels><?xml version="1.0" encoding="UTF-8" standalone="yes"?>
<Relationships xmlns="http://schemas.openxmlformats.org/package/2006/relationships"><Relationship Id="rId8" Type="http://schemas.microsoft.com/office/2007/relationships/diagramDrawing" Target="../diagrams/drawing2.xml"/><Relationship Id="rId3" Type="http://schemas.openxmlformats.org/officeDocument/2006/relationships/notesSlide" Target="../notesSlides/notesSlide5.xml"/><Relationship Id="rId7" Type="http://schemas.openxmlformats.org/officeDocument/2006/relationships/diagramColors" Target="../diagrams/colors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6" Type="http://schemas.openxmlformats.org/officeDocument/2006/relationships/diagramQuickStyle" Target="../diagrams/quickStyle2.xml"/><Relationship Id="rId5" Type="http://schemas.openxmlformats.org/officeDocument/2006/relationships/diagramLayout" Target="../diagrams/layout2.xml"/><Relationship Id="rId4" Type="http://schemas.openxmlformats.org/officeDocument/2006/relationships/diagramData" Target="../diagrams/data2.xml"/></Relationships>
</file>

<file path=ppt/slides/_rels/slide8.xml.rels><?xml version="1.0" encoding="UTF-8" standalone="yes"?>
<Relationships xmlns="http://schemas.openxmlformats.org/package/2006/relationships"><Relationship Id="rId8" Type="http://schemas.microsoft.com/office/2007/relationships/diagramDrawing" Target="../diagrams/drawing3.xml"/><Relationship Id="rId3" Type="http://schemas.openxmlformats.org/officeDocument/2006/relationships/notesSlide" Target="../notesSlides/notesSlide6.xml"/><Relationship Id="rId7" Type="http://schemas.openxmlformats.org/officeDocument/2006/relationships/diagramColors" Target="../diagrams/colors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6" Type="http://schemas.openxmlformats.org/officeDocument/2006/relationships/diagramQuickStyle" Target="../diagrams/quickStyle3.xml"/><Relationship Id="rId5" Type="http://schemas.openxmlformats.org/officeDocument/2006/relationships/diagramLayout" Target="../diagrams/layout3.xml"/><Relationship Id="rId4" Type="http://schemas.openxmlformats.org/officeDocument/2006/relationships/diagramData" Target="../diagrams/data3.xml"/><Relationship Id="rId9" Type="http://schemas.openxmlformats.org/officeDocument/2006/relationships/image" Target="../media/image21.png"/></Relationships>
</file>

<file path=ppt/slides/_rels/slide9.xml.rels><?xml version="1.0" encoding="UTF-8" standalone="yes"?>
<Relationships xmlns="http://schemas.openxmlformats.org/package/2006/relationships"><Relationship Id="rId8" Type="http://schemas.microsoft.com/office/2007/relationships/diagramDrawing" Target="../diagrams/drawing4.xml"/><Relationship Id="rId3" Type="http://schemas.openxmlformats.org/officeDocument/2006/relationships/notesSlide" Target="../notesSlides/notesSlide7.xml"/><Relationship Id="rId7" Type="http://schemas.openxmlformats.org/officeDocument/2006/relationships/diagramColors" Target="../diagrams/colors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Relationship Id="rId6" Type="http://schemas.openxmlformats.org/officeDocument/2006/relationships/diagramQuickStyle" Target="../diagrams/quickStyle4.xml"/><Relationship Id="rId5" Type="http://schemas.openxmlformats.org/officeDocument/2006/relationships/diagramLayout" Target="../diagrams/layout4.xml"/><Relationship Id="rId4" Type="http://schemas.openxmlformats.org/officeDocument/2006/relationships/diagramData" Target="../diagrams/data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4"/>
          <p:cNvSpPr>
            <a:spLocks noGrp="1" noChangeArrowheads="1"/>
          </p:cNvSpPr>
          <p:nvPr>
            <p:ph type="ctrTitle"/>
          </p:nvPr>
        </p:nvSpPr>
        <p:spPr>
          <a:xfrm>
            <a:off x="1011100" y="5340349"/>
            <a:ext cx="7119938" cy="1178719"/>
          </a:xfrm>
        </p:spPr>
        <p:txBody>
          <a:bodyPr anchor="ctr"/>
          <a:lstStyle/>
          <a:p>
            <a:pPr lvl="0" algn="ctr"/>
            <a:r>
              <a:rPr lang="es-SV" sz="2400" dirty="0" smtClean="0"/>
              <a:t>POLÍTICA MIGRATORIA REGIONAL INTEGRAL</a:t>
            </a:r>
            <a:br>
              <a:rPr lang="es-SV" sz="2400" dirty="0" smtClean="0"/>
            </a:br>
            <a:endParaRPr lang="es-SV" sz="2400" dirty="0">
              <a:latin typeface="Calibri" pitchFamily="34" charset="0"/>
            </a:endParaRPr>
          </a:p>
        </p:txBody>
      </p:sp>
      <p:sp>
        <p:nvSpPr>
          <p:cNvPr id="26627" name="Freeform 5"/>
          <p:cNvSpPr>
            <a:spLocks/>
          </p:cNvSpPr>
          <p:nvPr/>
        </p:nvSpPr>
        <p:spPr bwMode="auto">
          <a:xfrm>
            <a:off x="2570163" y="1412875"/>
            <a:ext cx="4421187" cy="3275013"/>
          </a:xfrm>
          <a:custGeom>
            <a:avLst/>
            <a:gdLst>
              <a:gd name="T0" fmla="*/ 2147483647 w 2689"/>
              <a:gd name="T1" fmla="*/ 2147483647 h 2055"/>
              <a:gd name="T2" fmla="*/ 2147483647 w 2689"/>
              <a:gd name="T3" fmla="*/ 2147483647 h 2055"/>
              <a:gd name="T4" fmla="*/ 2147483647 w 2689"/>
              <a:gd name="T5" fmla="*/ 2147483647 h 2055"/>
              <a:gd name="T6" fmla="*/ 2147483647 w 2689"/>
              <a:gd name="T7" fmla="*/ 2147483647 h 2055"/>
              <a:gd name="T8" fmla="*/ 2147483647 w 2689"/>
              <a:gd name="T9" fmla="*/ 2147483647 h 2055"/>
              <a:gd name="T10" fmla="*/ 2147483647 w 2689"/>
              <a:gd name="T11" fmla="*/ 2147483647 h 2055"/>
              <a:gd name="T12" fmla="*/ 2147483647 w 2689"/>
              <a:gd name="T13" fmla="*/ 2147483647 h 2055"/>
              <a:gd name="T14" fmla="*/ 2147483647 w 2689"/>
              <a:gd name="T15" fmla="*/ 2147483647 h 2055"/>
              <a:gd name="T16" fmla="*/ 2147483647 w 2689"/>
              <a:gd name="T17" fmla="*/ 2147483647 h 2055"/>
              <a:gd name="T18" fmla="*/ 2147483647 w 2689"/>
              <a:gd name="T19" fmla="*/ 2147483647 h 2055"/>
              <a:gd name="T20" fmla="*/ 2147483647 w 2689"/>
              <a:gd name="T21" fmla="*/ 2147483647 h 2055"/>
              <a:gd name="T22" fmla="*/ 2147483647 w 2689"/>
              <a:gd name="T23" fmla="*/ 2147483647 h 2055"/>
              <a:gd name="T24" fmla="*/ 2147483647 w 2689"/>
              <a:gd name="T25" fmla="*/ 2147483647 h 2055"/>
              <a:gd name="T26" fmla="*/ 2147483647 w 2689"/>
              <a:gd name="T27" fmla="*/ 2147483647 h 2055"/>
              <a:gd name="T28" fmla="*/ 2147483647 w 2689"/>
              <a:gd name="T29" fmla="*/ 2147483647 h 2055"/>
              <a:gd name="T30" fmla="*/ 2147483647 w 2689"/>
              <a:gd name="T31" fmla="*/ 2147483647 h 2055"/>
              <a:gd name="T32" fmla="*/ 2147483647 w 2689"/>
              <a:gd name="T33" fmla="*/ 2147483647 h 2055"/>
              <a:gd name="T34" fmla="*/ 2147483647 w 2689"/>
              <a:gd name="T35" fmla="*/ 2147483647 h 2055"/>
              <a:gd name="T36" fmla="*/ 2147483647 w 2689"/>
              <a:gd name="T37" fmla="*/ 2147483647 h 2055"/>
              <a:gd name="T38" fmla="*/ 2147483647 w 2689"/>
              <a:gd name="T39" fmla="*/ 2147483647 h 2055"/>
              <a:gd name="T40" fmla="*/ 2147483647 w 2689"/>
              <a:gd name="T41" fmla="*/ 2147483647 h 2055"/>
              <a:gd name="T42" fmla="*/ 2147483647 w 2689"/>
              <a:gd name="T43" fmla="*/ 2147483647 h 2055"/>
              <a:gd name="T44" fmla="*/ 2147483647 w 2689"/>
              <a:gd name="T45" fmla="*/ 2147483647 h 2055"/>
              <a:gd name="T46" fmla="*/ 2147483647 w 2689"/>
              <a:gd name="T47" fmla="*/ 2147483647 h 2055"/>
              <a:gd name="T48" fmla="*/ 2147483647 w 2689"/>
              <a:gd name="T49" fmla="*/ 2147483647 h 2055"/>
              <a:gd name="T50" fmla="*/ 2147483647 w 2689"/>
              <a:gd name="T51" fmla="*/ 2147483647 h 2055"/>
              <a:gd name="T52" fmla="*/ 2147483647 w 2689"/>
              <a:gd name="T53" fmla="*/ 2147483647 h 2055"/>
              <a:gd name="T54" fmla="*/ 2147483647 w 2689"/>
              <a:gd name="T55" fmla="*/ 0 h 2055"/>
              <a:gd name="T56" fmla="*/ 2147483647 w 2689"/>
              <a:gd name="T57" fmla="*/ 2147483647 h 2055"/>
              <a:gd name="T58" fmla="*/ 2147483647 w 2689"/>
              <a:gd name="T59" fmla="*/ 2147483647 h 2055"/>
              <a:gd name="T60" fmla="*/ 2147483647 w 2689"/>
              <a:gd name="T61" fmla="*/ 2147483647 h 2055"/>
              <a:gd name="T62" fmla="*/ 2147483647 w 2689"/>
              <a:gd name="T63" fmla="*/ 2147483647 h 2055"/>
              <a:gd name="T64" fmla="*/ 2147483647 w 2689"/>
              <a:gd name="T65" fmla="*/ 2147483647 h 2055"/>
              <a:gd name="T66" fmla="*/ 2147483647 w 2689"/>
              <a:gd name="T67" fmla="*/ 2147483647 h 2055"/>
              <a:gd name="T68" fmla="*/ 2147483647 w 2689"/>
              <a:gd name="T69" fmla="*/ 2147483647 h 2055"/>
              <a:gd name="T70" fmla="*/ 2147483647 w 2689"/>
              <a:gd name="T71" fmla="*/ 2147483647 h 2055"/>
              <a:gd name="T72" fmla="*/ 2147483647 w 2689"/>
              <a:gd name="T73" fmla="*/ 2147483647 h 2055"/>
              <a:gd name="T74" fmla="*/ 2147483647 w 2689"/>
              <a:gd name="T75" fmla="*/ 2147483647 h 2055"/>
              <a:gd name="T76" fmla="*/ 2147483647 w 2689"/>
              <a:gd name="T77" fmla="*/ 2147483647 h 2055"/>
              <a:gd name="T78" fmla="*/ 2147483647 w 2689"/>
              <a:gd name="T79" fmla="*/ 2147483647 h 2055"/>
              <a:gd name="T80" fmla="*/ 2147483647 w 2689"/>
              <a:gd name="T81" fmla="*/ 2147483647 h 2055"/>
              <a:gd name="T82" fmla="*/ 2147483647 w 2689"/>
              <a:gd name="T83" fmla="*/ 2147483647 h 2055"/>
              <a:gd name="T84" fmla="*/ 2147483647 w 2689"/>
              <a:gd name="T85" fmla="*/ 2147483647 h 2055"/>
              <a:gd name="T86" fmla="*/ 2147483647 w 2689"/>
              <a:gd name="T87" fmla="*/ 2147483647 h 2055"/>
              <a:gd name="T88" fmla="*/ 2147483647 w 2689"/>
              <a:gd name="T89" fmla="*/ 2147483647 h 2055"/>
              <a:gd name="T90" fmla="*/ 2147483647 w 2689"/>
              <a:gd name="T91" fmla="*/ 2147483647 h 2055"/>
              <a:gd name="T92" fmla="*/ 2147483647 w 2689"/>
              <a:gd name="T93" fmla="*/ 2147483647 h 2055"/>
              <a:gd name="T94" fmla="*/ 2147483647 w 2689"/>
              <a:gd name="T95" fmla="*/ 2147483647 h 2055"/>
              <a:gd name="T96" fmla="*/ 2147483647 w 2689"/>
              <a:gd name="T97" fmla="*/ 2147483647 h 2055"/>
              <a:gd name="T98" fmla="*/ 2147483647 w 2689"/>
              <a:gd name="T99" fmla="*/ 2147483647 h 2055"/>
              <a:gd name="T100" fmla="*/ 2147483647 w 2689"/>
              <a:gd name="T101" fmla="*/ 2147483647 h 2055"/>
              <a:gd name="T102" fmla="*/ 2147483647 w 2689"/>
              <a:gd name="T103" fmla="*/ 2147483647 h 2055"/>
              <a:gd name="T104" fmla="*/ 2147483647 w 2689"/>
              <a:gd name="T105" fmla="*/ 2147483647 h 2055"/>
              <a:gd name="T106" fmla="*/ 2147483647 w 2689"/>
              <a:gd name="T107" fmla="*/ 2147483647 h 2055"/>
              <a:gd name="T108" fmla="*/ 2147483647 w 2689"/>
              <a:gd name="T109" fmla="*/ 2147483647 h 2055"/>
              <a:gd name="T110" fmla="*/ 2147483647 w 2689"/>
              <a:gd name="T111" fmla="*/ 2147483647 h 2055"/>
              <a:gd name="T112" fmla="*/ 2147483647 w 2689"/>
              <a:gd name="T113" fmla="*/ 2147483647 h 2055"/>
              <a:gd name="T114" fmla="*/ 2147483647 w 2689"/>
              <a:gd name="T115" fmla="*/ 2147483647 h 2055"/>
              <a:gd name="T116" fmla="*/ 2147483647 w 2689"/>
              <a:gd name="T117" fmla="*/ 2147483647 h 2055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w 2689"/>
              <a:gd name="T178" fmla="*/ 0 h 2055"/>
              <a:gd name="T179" fmla="*/ 2689 w 2689"/>
              <a:gd name="T180" fmla="*/ 2055 h 2055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T177" t="T178" r="T179" b="T180"/>
            <a:pathLst>
              <a:path w="2689" h="2055">
                <a:moveTo>
                  <a:pt x="2593" y="1742"/>
                </a:moveTo>
                <a:lnTo>
                  <a:pt x="2623" y="1781"/>
                </a:lnTo>
                <a:lnTo>
                  <a:pt x="2654" y="1803"/>
                </a:lnTo>
                <a:lnTo>
                  <a:pt x="2650" y="1813"/>
                </a:lnTo>
                <a:lnTo>
                  <a:pt x="2644" y="1842"/>
                </a:lnTo>
                <a:lnTo>
                  <a:pt x="2647" y="1846"/>
                </a:lnTo>
                <a:lnTo>
                  <a:pt x="2663" y="1857"/>
                </a:lnTo>
                <a:lnTo>
                  <a:pt x="2673" y="1879"/>
                </a:lnTo>
                <a:lnTo>
                  <a:pt x="2672" y="1900"/>
                </a:lnTo>
                <a:lnTo>
                  <a:pt x="2679" y="1902"/>
                </a:lnTo>
                <a:lnTo>
                  <a:pt x="2689" y="1912"/>
                </a:lnTo>
                <a:lnTo>
                  <a:pt x="2689" y="1921"/>
                </a:lnTo>
                <a:lnTo>
                  <a:pt x="2670" y="1938"/>
                </a:lnTo>
                <a:lnTo>
                  <a:pt x="2637" y="1981"/>
                </a:lnTo>
                <a:lnTo>
                  <a:pt x="2625" y="1990"/>
                </a:lnTo>
                <a:lnTo>
                  <a:pt x="2607" y="1978"/>
                </a:lnTo>
                <a:lnTo>
                  <a:pt x="2596" y="1980"/>
                </a:lnTo>
                <a:lnTo>
                  <a:pt x="2593" y="2007"/>
                </a:lnTo>
                <a:lnTo>
                  <a:pt x="2569" y="2025"/>
                </a:lnTo>
                <a:lnTo>
                  <a:pt x="2568" y="2042"/>
                </a:lnTo>
                <a:lnTo>
                  <a:pt x="2561" y="2042"/>
                </a:lnTo>
                <a:lnTo>
                  <a:pt x="2537" y="2025"/>
                </a:lnTo>
                <a:lnTo>
                  <a:pt x="2504" y="1986"/>
                </a:lnTo>
                <a:lnTo>
                  <a:pt x="2492" y="1964"/>
                </a:lnTo>
                <a:lnTo>
                  <a:pt x="2487" y="1927"/>
                </a:lnTo>
                <a:lnTo>
                  <a:pt x="2491" y="1899"/>
                </a:lnTo>
                <a:lnTo>
                  <a:pt x="2496" y="1882"/>
                </a:lnTo>
                <a:lnTo>
                  <a:pt x="2528" y="1856"/>
                </a:lnTo>
                <a:lnTo>
                  <a:pt x="2541" y="1855"/>
                </a:lnTo>
                <a:lnTo>
                  <a:pt x="2540" y="1845"/>
                </a:lnTo>
                <a:lnTo>
                  <a:pt x="2523" y="1827"/>
                </a:lnTo>
                <a:lnTo>
                  <a:pt x="2502" y="1827"/>
                </a:lnTo>
                <a:lnTo>
                  <a:pt x="2472" y="1840"/>
                </a:lnTo>
                <a:lnTo>
                  <a:pt x="2439" y="1798"/>
                </a:lnTo>
                <a:lnTo>
                  <a:pt x="2379" y="1768"/>
                </a:lnTo>
                <a:lnTo>
                  <a:pt x="2334" y="1735"/>
                </a:lnTo>
                <a:lnTo>
                  <a:pt x="2324" y="1733"/>
                </a:lnTo>
                <a:lnTo>
                  <a:pt x="2310" y="1733"/>
                </a:lnTo>
                <a:lnTo>
                  <a:pt x="2275" y="1744"/>
                </a:lnTo>
                <a:lnTo>
                  <a:pt x="2260" y="1758"/>
                </a:lnTo>
                <a:lnTo>
                  <a:pt x="2228" y="1805"/>
                </a:lnTo>
                <a:lnTo>
                  <a:pt x="2199" y="1836"/>
                </a:lnTo>
                <a:lnTo>
                  <a:pt x="2171" y="1853"/>
                </a:lnTo>
                <a:lnTo>
                  <a:pt x="2159" y="1853"/>
                </a:lnTo>
                <a:lnTo>
                  <a:pt x="2135" y="1861"/>
                </a:lnTo>
                <a:lnTo>
                  <a:pt x="2106" y="1880"/>
                </a:lnTo>
                <a:lnTo>
                  <a:pt x="2098" y="1899"/>
                </a:lnTo>
                <a:lnTo>
                  <a:pt x="2098" y="1914"/>
                </a:lnTo>
                <a:lnTo>
                  <a:pt x="2102" y="1923"/>
                </a:lnTo>
                <a:lnTo>
                  <a:pt x="2131" y="1948"/>
                </a:lnTo>
                <a:lnTo>
                  <a:pt x="2145" y="1965"/>
                </a:lnTo>
                <a:lnTo>
                  <a:pt x="2162" y="1977"/>
                </a:lnTo>
                <a:lnTo>
                  <a:pt x="2167" y="1999"/>
                </a:lnTo>
                <a:lnTo>
                  <a:pt x="2144" y="2021"/>
                </a:lnTo>
                <a:lnTo>
                  <a:pt x="2088" y="2053"/>
                </a:lnTo>
                <a:lnTo>
                  <a:pt x="2072" y="2055"/>
                </a:lnTo>
                <a:lnTo>
                  <a:pt x="2030" y="2052"/>
                </a:lnTo>
                <a:lnTo>
                  <a:pt x="2025" y="2044"/>
                </a:lnTo>
                <a:lnTo>
                  <a:pt x="2016" y="2011"/>
                </a:lnTo>
                <a:lnTo>
                  <a:pt x="2015" y="1980"/>
                </a:lnTo>
                <a:lnTo>
                  <a:pt x="2005" y="1951"/>
                </a:lnTo>
                <a:lnTo>
                  <a:pt x="1983" y="1957"/>
                </a:lnTo>
                <a:lnTo>
                  <a:pt x="1968" y="1979"/>
                </a:lnTo>
                <a:lnTo>
                  <a:pt x="1949" y="1979"/>
                </a:lnTo>
                <a:lnTo>
                  <a:pt x="1922" y="1949"/>
                </a:lnTo>
                <a:lnTo>
                  <a:pt x="1906" y="1925"/>
                </a:lnTo>
                <a:lnTo>
                  <a:pt x="1892" y="1896"/>
                </a:lnTo>
                <a:lnTo>
                  <a:pt x="1877" y="1881"/>
                </a:lnTo>
                <a:lnTo>
                  <a:pt x="1867" y="1877"/>
                </a:lnTo>
                <a:lnTo>
                  <a:pt x="1837" y="1874"/>
                </a:lnTo>
                <a:lnTo>
                  <a:pt x="1803" y="1858"/>
                </a:lnTo>
                <a:lnTo>
                  <a:pt x="1781" y="1853"/>
                </a:lnTo>
                <a:lnTo>
                  <a:pt x="1720" y="1845"/>
                </a:lnTo>
                <a:lnTo>
                  <a:pt x="1690" y="1844"/>
                </a:lnTo>
                <a:lnTo>
                  <a:pt x="1680" y="1854"/>
                </a:lnTo>
                <a:lnTo>
                  <a:pt x="1671" y="1876"/>
                </a:lnTo>
                <a:lnTo>
                  <a:pt x="1667" y="1878"/>
                </a:lnTo>
                <a:lnTo>
                  <a:pt x="1639" y="1835"/>
                </a:lnTo>
                <a:lnTo>
                  <a:pt x="1627" y="1799"/>
                </a:lnTo>
                <a:lnTo>
                  <a:pt x="1611" y="1779"/>
                </a:lnTo>
                <a:lnTo>
                  <a:pt x="1599" y="1771"/>
                </a:lnTo>
                <a:lnTo>
                  <a:pt x="1592" y="1769"/>
                </a:lnTo>
                <a:lnTo>
                  <a:pt x="1580" y="1777"/>
                </a:lnTo>
                <a:lnTo>
                  <a:pt x="1596" y="1812"/>
                </a:lnTo>
                <a:lnTo>
                  <a:pt x="1589" y="1816"/>
                </a:lnTo>
                <a:lnTo>
                  <a:pt x="1560" y="1810"/>
                </a:lnTo>
                <a:lnTo>
                  <a:pt x="1536" y="1794"/>
                </a:lnTo>
                <a:lnTo>
                  <a:pt x="1532" y="1787"/>
                </a:lnTo>
                <a:lnTo>
                  <a:pt x="1525" y="1699"/>
                </a:lnTo>
                <a:lnTo>
                  <a:pt x="1486" y="1665"/>
                </a:lnTo>
                <a:lnTo>
                  <a:pt x="1397" y="1623"/>
                </a:lnTo>
                <a:lnTo>
                  <a:pt x="1390" y="1623"/>
                </a:lnTo>
                <a:lnTo>
                  <a:pt x="1364" y="1597"/>
                </a:lnTo>
                <a:lnTo>
                  <a:pt x="1354" y="1575"/>
                </a:lnTo>
                <a:lnTo>
                  <a:pt x="1333" y="1540"/>
                </a:lnTo>
                <a:lnTo>
                  <a:pt x="1309" y="1518"/>
                </a:lnTo>
                <a:lnTo>
                  <a:pt x="1290" y="1514"/>
                </a:lnTo>
                <a:lnTo>
                  <a:pt x="1268" y="1523"/>
                </a:lnTo>
                <a:lnTo>
                  <a:pt x="1275" y="1535"/>
                </a:lnTo>
                <a:lnTo>
                  <a:pt x="1302" y="1547"/>
                </a:lnTo>
                <a:lnTo>
                  <a:pt x="1304" y="1561"/>
                </a:lnTo>
                <a:lnTo>
                  <a:pt x="1288" y="1598"/>
                </a:lnTo>
                <a:lnTo>
                  <a:pt x="1284" y="1597"/>
                </a:lnTo>
                <a:lnTo>
                  <a:pt x="1269" y="1588"/>
                </a:lnTo>
                <a:lnTo>
                  <a:pt x="1251" y="1570"/>
                </a:lnTo>
                <a:lnTo>
                  <a:pt x="1218" y="1554"/>
                </a:lnTo>
                <a:lnTo>
                  <a:pt x="1200" y="1553"/>
                </a:lnTo>
                <a:lnTo>
                  <a:pt x="1180" y="1536"/>
                </a:lnTo>
                <a:lnTo>
                  <a:pt x="1164" y="1516"/>
                </a:lnTo>
                <a:lnTo>
                  <a:pt x="1153" y="1492"/>
                </a:lnTo>
                <a:lnTo>
                  <a:pt x="1144" y="1455"/>
                </a:lnTo>
                <a:lnTo>
                  <a:pt x="1152" y="1438"/>
                </a:lnTo>
                <a:lnTo>
                  <a:pt x="1162" y="1426"/>
                </a:lnTo>
                <a:lnTo>
                  <a:pt x="1164" y="1389"/>
                </a:lnTo>
                <a:lnTo>
                  <a:pt x="1151" y="1369"/>
                </a:lnTo>
                <a:lnTo>
                  <a:pt x="1151" y="1361"/>
                </a:lnTo>
                <a:lnTo>
                  <a:pt x="1161" y="1344"/>
                </a:lnTo>
                <a:lnTo>
                  <a:pt x="1165" y="1341"/>
                </a:lnTo>
                <a:lnTo>
                  <a:pt x="1162" y="1329"/>
                </a:lnTo>
                <a:lnTo>
                  <a:pt x="1153" y="1310"/>
                </a:lnTo>
                <a:lnTo>
                  <a:pt x="1095" y="1261"/>
                </a:lnTo>
                <a:lnTo>
                  <a:pt x="1075" y="1250"/>
                </a:lnTo>
                <a:lnTo>
                  <a:pt x="1060" y="1237"/>
                </a:lnTo>
                <a:lnTo>
                  <a:pt x="1031" y="1208"/>
                </a:lnTo>
                <a:lnTo>
                  <a:pt x="985" y="1148"/>
                </a:lnTo>
                <a:lnTo>
                  <a:pt x="914" y="1080"/>
                </a:lnTo>
                <a:lnTo>
                  <a:pt x="901" y="1061"/>
                </a:lnTo>
                <a:lnTo>
                  <a:pt x="854" y="1011"/>
                </a:lnTo>
                <a:lnTo>
                  <a:pt x="848" y="1001"/>
                </a:lnTo>
                <a:lnTo>
                  <a:pt x="853" y="985"/>
                </a:lnTo>
                <a:lnTo>
                  <a:pt x="860" y="984"/>
                </a:lnTo>
                <a:lnTo>
                  <a:pt x="883" y="984"/>
                </a:lnTo>
                <a:lnTo>
                  <a:pt x="883" y="978"/>
                </a:lnTo>
                <a:lnTo>
                  <a:pt x="859" y="953"/>
                </a:lnTo>
                <a:lnTo>
                  <a:pt x="860" y="939"/>
                </a:lnTo>
                <a:lnTo>
                  <a:pt x="853" y="925"/>
                </a:lnTo>
                <a:lnTo>
                  <a:pt x="831" y="915"/>
                </a:lnTo>
                <a:lnTo>
                  <a:pt x="810" y="923"/>
                </a:lnTo>
                <a:lnTo>
                  <a:pt x="792" y="940"/>
                </a:lnTo>
                <a:lnTo>
                  <a:pt x="736" y="961"/>
                </a:lnTo>
                <a:lnTo>
                  <a:pt x="645" y="957"/>
                </a:lnTo>
                <a:lnTo>
                  <a:pt x="587" y="938"/>
                </a:lnTo>
                <a:lnTo>
                  <a:pt x="543" y="912"/>
                </a:lnTo>
                <a:lnTo>
                  <a:pt x="511" y="903"/>
                </a:lnTo>
                <a:lnTo>
                  <a:pt x="463" y="897"/>
                </a:lnTo>
                <a:lnTo>
                  <a:pt x="421" y="877"/>
                </a:lnTo>
                <a:lnTo>
                  <a:pt x="395" y="855"/>
                </a:lnTo>
                <a:lnTo>
                  <a:pt x="370" y="840"/>
                </a:lnTo>
                <a:lnTo>
                  <a:pt x="318" y="830"/>
                </a:lnTo>
                <a:lnTo>
                  <a:pt x="284" y="825"/>
                </a:lnTo>
                <a:lnTo>
                  <a:pt x="219" y="824"/>
                </a:lnTo>
                <a:lnTo>
                  <a:pt x="182" y="818"/>
                </a:lnTo>
                <a:lnTo>
                  <a:pt x="154" y="808"/>
                </a:lnTo>
                <a:lnTo>
                  <a:pt x="124" y="788"/>
                </a:lnTo>
                <a:lnTo>
                  <a:pt x="102" y="779"/>
                </a:lnTo>
                <a:lnTo>
                  <a:pt x="58" y="743"/>
                </a:lnTo>
                <a:lnTo>
                  <a:pt x="54" y="737"/>
                </a:lnTo>
                <a:lnTo>
                  <a:pt x="29" y="721"/>
                </a:lnTo>
                <a:lnTo>
                  <a:pt x="24" y="715"/>
                </a:lnTo>
                <a:lnTo>
                  <a:pt x="10" y="705"/>
                </a:lnTo>
                <a:lnTo>
                  <a:pt x="0" y="691"/>
                </a:lnTo>
                <a:lnTo>
                  <a:pt x="8" y="688"/>
                </a:lnTo>
                <a:lnTo>
                  <a:pt x="13" y="638"/>
                </a:lnTo>
                <a:lnTo>
                  <a:pt x="24" y="629"/>
                </a:lnTo>
                <a:lnTo>
                  <a:pt x="26" y="619"/>
                </a:lnTo>
                <a:lnTo>
                  <a:pt x="19" y="595"/>
                </a:lnTo>
                <a:lnTo>
                  <a:pt x="24" y="593"/>
                </a:lnTo>
                <a:lnTo>
                  <a:pt x="32" y="576"/>
                </a:lnTo>
                <a:lnTo>
                  <a:pt x="55" y="543"/>
                </a:lnTo>
                <a:lnTo>
                  <a:pt x="57" y="534"/>
                </a:lnTo>
                <a:lnTo>
                  <a:pt x="138" y="415"/>
                </a:lnTo>
                <a:lnTo>
                  <a:pt x="235" y="411"/>
                </a:lnTo>
                <a:lnTo>
                  <a:pt x="311" y="412"/>
                </a:lnTo>
                <a:lnTo>
                  <a:pt x="315" y="416"/>
                </a:lnTo>
                <a:lnTo>
                  <a:pt x="318" y="410"/>
                </a:lnTo>
                <a:lnTo>
                  <a:pt x="321" y="363"/>
                </a:lnTo>
                <a:lnTo>
                  <a:pt x="312" y="346"/>
                </a:lnTo>
                <a:lnTo>
                  <a:pt x="283" y="320"/>
                </a:lnTo>
                <a:lnTo>
                  <a:pt x="271" y="291"/>
                </a:lnTo>
                <a:lnTo>
                  <a:pt x="217" y="257"/>
                </a:lnTo>
                <a:lnTo>
                  <a:pt x="135" y="176"/>
                </a:lnTo>
                <a:lnTo>
                  <a:pt x="139" y="178"/>
                </a:lnTo>
                <a:lnTo>
                  <a:pt x="246" y="180"/>
                </a:lnTo>
                <a:lnTo>
                  <a:pt x="250" y="94"/>
                </a:lnTo>
                <a:lnTo>
                  <a:pt x="565" y="97"/>
                </a:lnTo>
                <a:lnTo>
                  <a:pt x="568" y="89"/>
                </a:lnTo>
                <a:lnTo>
                  <a:pt x="574" y="87"/>
                </a:lnTo>
                <a:lnTo>
                  <a:pt x="577" y="87"/>
                </a:lnTo>
                <a:lnTo>
                  <a:pt x="579" y="88"/>
                </a:lnTo>
                <a:lnTo>
                  <a:pt x="583" y="94"/>
                </a:lnTo>
                <a:lnTo>
                  <a:pt x="589" y="94"/>
                </a:lnTo>
                <a:lnTo>
                  <a:pt x="593" y="98"/>
                </a:lnTo>
                <a:lnTo>
                  <a:pt x="595" y="99"/>
                </a:lnTo>
                <a:lnTo>
                  <a:pt x="599" y="101"/>
                </a:lnTo>
                <a:lnTo>
                  <a:pt x="605" y="107"/>
                </a:lnTo>
                <a:lnTo>
                  <a:pt x="606" y="105"/>
                </a:lnTo>
                <a:lnTo>
                  <a:pt x="606" y="100"/>
                </a:lnTo>
                <a:lnTo>
                  <a:pt x="607" y="96"/>
                </a:lnTo>
                <a:lnTo>
                  <a:pt x="612" y="92"/>
                </a:lnTo>
                <a:lnTo>
                  <a:pt x="617" y="87"/>
                </a:lnTo>
                <a:lnTo>
                  <a:pt x="617" y="86"/>
                </a:lnTo>
                <a:lnTo>
                  <a:pt x="618" y="83"/>
                </a:lnTo>
                <a:lnTo>
                  <a:pt x="619" y="79"/>
                </a:lnTo>
                <a:lnTo>
                  <a:pt x="625" y="75"/>
                </a:lnTo>
                <a:lnTo>
                  <a:pt x="627" y="66"/>
                </a:lnTo>
                <a:lnTo>
                  <a:pt x="631" y="57"/>
                </a:lnTo>
                <a:lnTo>
                  <a:pt x="630" y="54"/>
                </a:lnTo>
                <a:lnTo>
                  <a:pt x="636" y="48"/>
                </a:lnTo>
                <a:lnTo>
                  <a:pt x="641" y="47"/>
                </a:lnTo>
                <a:lnTo>
                  <a:pt x="643" y="43"/>
                </a:lnTo>
                <a:lnTo>
                  <a:pt x="645" y="34"/>
                </a:lnTo>
                <a:lnTo>
                  <a:pt x="646" y="31"/>
                </a:lnTo>
                <a:lnTo>
                  <a:pt x="651" y="26"/>
                </a:lnTo>
                <a:lnTo>
                  <a:pt x="652" y="22"/>
                </a:lnTo>
                <a:lnTo>
                  <a:pt x="654" y="15"/>
                </a:lnTo>
                <a:lnTo>
                  <a:pt x="656" y="9"/>
                </a:lnTo>
                <a:lnTo>
                  <a:pt x="661" y="2"/>
                </a:lnTo>
                <a:lnTo>
                  <a:pt x="664" y="1"/>
                </a:lnTo>
                <a:lnTo>
                  <a:pt x="668" y="2"/>
                </a:lnTo>
                <a:lnTo>
                  <a:pt x="674" y="0"/>
                </a:lnTo>
                <a:lnTo>
                  <a:pt x="679" y="1"/>
                </a:lnTo>
                <a:lnTo>
                  <a:pt x="690" y="0"/>
                </a:lnTo>
                <a:lnTo>
                  <a:pt x="691" y="2"/>
                </a:lnTo>
                <a:lnTo>
                  <a:pt x="689" y="0"/>
                </a:lnTo>
                <a:lnTo>
                  <a:pt x="692" y="4"/>
                </a:lnTo>
                <a:lnTo>
                  <a:pt x="691" y="8"/>
                </a:lnTo>
                <a:lnTo>
                  <a:pt x="687" y="10"/>
                </a:lnTo>
                <a:lnTo>
                  <a:pt x="684" y="12"/>
                </a:lnTo>
                <a:lnTo>
                  <a:pt x="681" y="14"/>
                </a:lnTo>
                <a:lnTo>
                  <a:pt x="678" y="17"/>
                </a:lnTo>
                <a:lnTo>
                  <a:pt x="676" y="19"/>
                </a:lnTo>
                <a:lnTo>
                  <a:pt x="677" y="22"/>
                </a:lnTo>
                <a:lnTo>
                  <a:pt x="686" y="20"/>
                </a:lnTo>
                <a:lnTo>
                  <a:pt x="688" y="20"/>
                </a:lnTo>
                <a:lnTo>
                  <a:pt x="682" y="28"/>
                </a:lnTo>
                <a:lnTo>
                  <a:pt x="681" y="32"/>
                </a:lnTo>
                <a:lnTo>
                  <a:pt x="682" y="32"/>
                </a:lnTo>
                <a:lnTo>
                  <a:pt x="687" y="26"/>
                </a:lnTo>
                <a:lnTo>
                  <a:pt x="693" y="22"/>
                </a:lnTo>
                <a:lnTo>
                  <a:pt x="702" y="20"/>
                </a:lnTo>
                <a:lnTo>
                  <a:pt x="703" y="22"/>
                </a:lnTo>
                <a:lnTo>
                  <a:pt x="706" y="21"/>
                </a:lnTo>
                <a:lnTo>
                  <a:pt x="707" y="23"/>
                </a:lnTo>
                <a:lnTo>
                  <a:pt x="709" y="24"/>
                </a:lnTo>
                <a:lnTo>
                  <a:pt x="721" y="18"/>
                </a:lnTo>
                <a:lnTo>
                  <a:pt x="723" y="17"/>
                </a:lnTo>
                <a:lnTo>
                  <a:pt x="723" y="21"/>
                </a:lnTo>
                <a:lnTo>
                  <a:pt x="716" y="25"/>
                </a:lnTo>
                <a:lnTo>
                  <a:pt x="715" y="28"/>
                </a:lnTo>
                <a:lnTo>
                  <a:pt x="721" y="24"/>
                </a:lnTo>
                <a:lnTo>
                  <a:pt x="723" y="24"/>
                </a:lnTo>
                <a:lnTo>
                  <a:pt x="724" y="26"/>
                </a:lnTo>
                <a:lnTo>
                  <a:pt x="724" y="30"/>
                </a:lnTo>
                <a:lnTo>
                  <a:pt x="725" y="34"/>
                </a:lnTo>
                <a:lnTo>
                  <a:pt x="725" y="39"/>
                </a:lnTo>
                <a:lnTo>
                  <a:pt x="726" y="43"/>
                </a:lnTo>
                <a:lnTo>
                  <a:pt x="725" y="52"/>
                </a:lnTo>
                <a:lnTo>
                  <a:pt x="725" y="58"/>
                </a:lnTo>
                <a:lnTo>
                  <a:pt x="722" y="67"/>
                </a:lnTo>
                <a:lnTo>
                  <a:pt x="721" y="72"/>
                </a:lnTo>
                <a:lnTo>
                  <a:pt x="716" y="81"/>
                </a:lnTo>
                <a:lnTo>
                  <a:pt x="715" y="86"/>
                </a:lnTo>
                <a:lnTo>
                  <a:pt x="710" y="94"/>
                </a:lnTo>
                <a:lnTo>
                  <a:pt x="708" y="99"/>
                </a:lnTo>
                <a:lnTo>
                  <a:pt x="707" y="116"/>
                </a:lnTo>
                <a:lnTo>
                  <a:pt x="704" y="130"/>
                </a:lnTo>
                <a:lnTo>
                  <a:pt x="700" y="139"/>
                </a:lnTo>
                <a:lnTo>
                  <a:pt x="697" y="141"/>
                </a:lnTo>
                <a:lnTo>
                  <a:pt x="696" y="143"/>
                </a:lnTo>
                <a:lnTo>
                  <a:pt x="697" y="151"/>
                </a:lnTo>
                <a:lnTo>
                  <a:pt x="698" y="154"/>
                </a:lnTo>
                <a:lnTo>
                  <a:pt x="700" y="155"/>
                </a:lnTo>
                <a:lnTo>
                  <a:pt x="704" y="157"/>
                </a:lnTo>
                <a:lnTo>
                  <a:pt x="707" y="161"/>
                </a:lnTo>
                <a:lnTo>
                  <a:pt x="712" y="162"/>
                </a:lnTo>
                <a:lnTo>
                  <a:pt x="713" y="162"/>
                </a:lnTo>
                <a:lnTo>
                  <a:pt x="714" y="165"/>
                </a:lnTo>
                <a:lnTo>
                  <a:pt x="710" y="167"/>
                </a:lnTo>
                <a:lnTo>
                  <a:pt x="706" y="166"/>
                </a:lnTo>
                <a:lnTo>
                  <a:pt x="704" y="166"/>
                </a:lnTo>
                <a:lnTo>
                  <a:pt x="702" y="168"/>
                </a:lnTo>
                <a:lnTo>
                  <a:pt x="697" y="195"/>
                </a:lnTo>
                <a:lnTo>
                  <a:pt x="695" y="210"/>
                </a:lnTo>
                <a:lnTo>
                  <a:pt x="695" y="219"/>
                </a:lnTo>
                <a:lnTo>
                  <a:pt x="697" y="223"/>
                </a:lnTo>
                <a:lnTo>
                  <a:pt x="697" y="228"/>
                </a:lnTo>
                <a:lnTo>
                  <a:pt x="698" y="231"/>
                </a:lnTo>
                <a:lnTo>
                  <a:pt x="700" y="235"/>
                </a:lnTo>
                <a:lnTo>
                  <a:pt x="704" y="236"/>
                </a:lnTo>
                <a:lnTo>
                  <a:pt x="707" y="240"/>
                </a:lnTo>
                <a:lnTo>
                  <a:pt x="708" y="247"/>
                </a:lnTo>
                <a:lnTo>
                  <a:pt x="710" y="253"/>
                </a:lnTo>
                <a:lnTo>
                  <a:pt x="710" y="254"/>
                </a:lnTo>
                <a:lnTo>
                  <a:pt x="709" y="257"/>
                </a:lnTo>
                <a:lnTo>
                  <a:pt x="706" y="258"/>
                </a:lnTo>
                <a:lnTo>
                  <a:pt x="703" y="261"/>
                </a:lnTo>
                <a:lnTo>
                  <a:pt x="700" y="266"/>
                </a:lnTo>
                <a:lnTo>
                  <a:pt x="700" y="271"/>
                </a:lnTo>
                <a:lnTo>
                  <a:pt x="704" y="280"/>
                </a:lnTo>
                <a:lnTo>
                  <a:pt x="700" y="283"/>
                </a:lnTo>
                <a:lnTo>
                  <a:pt x="697" y="288"/>
                </a:lnTo>
                <a:lnTo>
                  <a:pt x="696" y="290"/>
                </a:lnTo>
                <a:lnTo>
                  <a:pt x="698" y="297"/>
                </a:lnTo>
                <a:lnTo>
                  <a:pt x="697" y="301"/>
                </a:lnTo>
                <a:lnTo>
                  <a:pt x="697" y="308"/>
                </a:lnTo>
                <a:lnTo>
                  <a:pt x="696" y="311"/>
                </a:lnTo>
                <a:lnTo>
                  <a:pt x="692" y="316"/>
                </a:lnTo>
                <a:lnTo>
                  <a:pt x="691" y="317"/>
                </a:lnTo>
                <a:lnTo>
                  <a:pt x="691" y="321"/>
                </a:lnTo>
                <a:lnTo>
                  <a:pt x="690" y="323"/>
                </a:lnTo>
                <a:lnTo>
                  <a:pt x="690" y="330"/>
                </a:lnTo>
                <a:lnTo>
                  <a:pt x="689" y="334"/>
                </a:lnTo>
                <a:lnTo>
                  <a:pt x="687" y="334"/>
                </a:lnTo>
                <a:lnTo>
                  <a:pt x="689" y="329"/>
                </a:lnTo>
                <a:lnTo>
                  <a:pt x="689" y="324"/>
                </a:lnTo>
                <a:lnTo>
                  <a:pt x="690" y="317"/>
                </a:lnTo>
                <a:lnTo>
                  <a:pt x="691" y="313"/>
                </a:lnTo>
                <a:lnTo>
                  <a:pt x="696" y="309"/>
                </a:lnTo>
                <a:lnTo>
                  <a:pt x="688" y="316"/>
                </a:lnTo>
                <a:lnTo>
                  <a:pt x="687" y="322"/>
                </a:lnTo>
                <a:lnTo>
                  <a:pt x="685" y="324"/>
                </a:lnTo>
                <a:lnTo>
                  <a:pt x="687" y="326"/>
                </a:lnTo>
                <a:lnTo>
                  <a:pt x="682" y="328"/>
                </a:lnTo>
                <a:lnTo>
                  <a:pt x="686" y="329"/>
                </a:lnTo>
                <a:lnTo>
                  <a:pt x="684" y="332"/>
                </a:lnTo>
                <a:lnTo>
                  <a:pt x="684" y="337"/>
                </a:lnTo>
                <a:lnTo>
                  <a:pt x="680" y="340"/>
                </a:lnTo>
                <a:lnTo>
                  <a:pt x="679" y="345"/>
                </a:lnTo>
                <a:lnTo>
                  <a:pt x="677" y="346"/>
                </a:lnTo>
                <a:lnTo>
                  <a:pt x="675" y="348"/>
                </a:lnTo>
                <a:lnTo>
                  <a:pt x="675" y="351"/>
                </a:lnTo>
                <a:lnTo>
                  <a:pt x="675" y="353"/>
                </a:lnTo>
                <a:lnTo>
                  <a:pt x="672" y="354"/>
                </a:lnTo>
                <a:lnTo>
                  <a:pt x="667" y="363"/>
                </a:lnTo>
                <a:lnTo>
                  <a:pt x="665" y="365"/>
                </a:lnTo>
                <a:lnTo>
                  <a:pt x="662" y="370"/>
                </a:lnTo>
                <a:lnTo>
                  <a:pt x="661" y="375"/>
                </a:lnTo>
                <a:lnTo>
                  <a:pt x="657" y="375"/>
                </a:lnTo>
                <a:lnTo>
                  <a:pt x="655" y="378"/>
                </a:lnTo>
                <a:lnTo>
                  <a:pt x="654" y="376"/>
                </a:lnTo>
                <a:lnTo>
                  <a:pt x="654" y="373"/>
                </a:lnTo>
                <a:lnTo>
                  <a:pt x="652" y="377"/>
                </a:lnTo>
                <a:lnTo>
                  <a:pt x="650" y="377"/>
                </a:lnTo>
                <a:lnTo>
                  <a:pt x="645" y="373"/>
                </a:lnTo>
                <a:lnTo>
                  <a:pt x="643" y="373"/>
                </a:lnTo>
                <a:lnTo>
                  <a:pt x="643" y="377"/>
                </a:lnTo>
                <a:lnTo>
                  <a:pt x="639" y="378"/>
                </a:lnTo>
                <a:lnTo>
                  <a:pt x="634" y="382"/>
                </a:lnTo>
                <a:lnTo>
                  <a:pt x="631" y="383"/>
                </a:lnTo>
                <a:lnTo>
                  <a:pt x="628" y="385"/>
                </a:lnTo>
                <a:lnTo>
                  <a:pt x="628" y="388"/>
                </a:lnTo>
                <a:lnTo>
                  <a:pt x="629" y="394"/>
                </a:lnTo>
                <a:lnTo>
                  <a:pt x="627" y="398"/>
                </a:lnTo>
                <a:lnTo>
                  <a:pt x="620" y="402"/>
                </a:lnTo>
                <a:lnTo>
                  <a:pt x="619" y="404"/>
                </a:lnTo>
                <a:lnTo>
                  <a:pt x="618" y="407"/>
                </a:lnTo>
                <a:lnTo>
                  <a:pt x="611" y="412"/>
                </a:lnTo>
                <a:lnTo>
                  <a:pt x="611" y="416"/>
                </a:lnTo>
                <a:lnTo>
                  <a:pt x="610" y="418"/>
                </a:lnTo>
                <a:lnTo>
                  <a:pt x="608" y="419"/>
                </a:lnTo>
                <a:lnTo>
                  <a:pt x="605" y="422"/>
                </a:lnTo>
                <a:lnTo>
                  <a:pt x="601" y="423"/>
                </a:lnTo>
                <a:lnTo>
                  <a:pt x="599" y="426"/>
                </a:lnTo>
                <a:lnTo>
                  <a:pt x="599" y="431"/>
                </a:lnTo>
                <a:lnTo>
                  <a:pt x="600" y="434"/>
                </a:lnTo>
                <a:lnTo>
                  <a:pt x="602" y="437"/>
                </a:lnTo>
                <a:lnTo>
                  <a:pt x="602" y="441"/>
                </a:lnTo>
                <a:lnTo>
                  <a:pt x="599" y="442"/>
                </a:lnTo>
                <a:lnTo>
                  <a:pt x="595" y="442"/>
                </a:lnTo>
                <a:lnTo>
                  <a:pt x="591" y="441"/>
                </a:lnTo>
                <a:lnTo>
                  <a:pt x="587" y="441"/>
                </a:lnTo>
                <a:lnTo>
                  <a:pt x="585" y="440"/>
                </a:lnTo>
                <a:lnTo>
                  <a:pt x="580" y="440"/>
                </a:lnTo>
                <a:lnTo>
                  <a:pt x="579" y="439"/>
                </a:lnTo>
                <a:lnTo>
                  <a:pt x="576" y="441"/>
                </a:lnTo>
                <a:lnTo>
                  <a:pt x="573" y="440"/>
                </a:lnTo>
                <a:lnTo>
                  <a:pt x="569" y="442"/>
                </a:lnTo>
                <a:lnTo>
                  <a:pt x="567" y="441"/>
                </a:lnTo>
                <a:lnTo>
                  <a:pt x="564" y="442"/>
                </a:lnTo>
                <a:lnTo>
                  <a:pt x="560" y="444"/>
                </a:lnTo>
                <a:lnTo>
                  <a:pt x="576" y="453"/>
                </a:lnTo>
                <a:lnTo>
                  <a:pt x="614" y="455"/>
                </a:lnTo>
                <a:lnTo>
                  <a:pt x="624" y="473"/>
                </a:lnTo>
                <a:lnTo>
                  <a:pt x="648" y="488"/>
                </a:lnTo>
                <a:lnTo>
                  <a:pt x="656" y="488"/>
                </a:lnTo>
                <a:lnTo>
                  <a:pt x="681" y="474"/>
                </a:lnTo>
                <a:lnTo>
                  <a:pt x="701" y="476"/>
                </a:lnTo>
                <a:lnTo>
                  <a:pt x="706" y="489"/>
                </a:lnTo>
                <a:lnTo>
                  <a:pt x="708" y="489"/>
                </a:lnTo>
                <a:lnTo>
                  <a:pt x="713" y="492"/>
                </a:lnTo>
                <a:lnTo>
                  <a:pt x="713" y="495"/>
                </a:lnTo>
                <a:lnTo>
                  <a:pt x="719" y="496"/>
                </a:lnTo>
                <a:lnTo>
                  <a:pt x="758" y="494"/>
                </a:lnTo>
                <a:lnTo>
                  <a:pt x="792" y="481"/>
                </a:lnTo>
                <a:lnTo>
                  <a:pt x="820" y="476"/>
                </a:lnTo>
                <a:lnTo>
                  <a:pt x="872" y="479"/>
                </a:lnTo>
                <a:lnTo>
                  <a:pt x="924" y="489"/>
                </a:lnTo>
                <a:lnTo>
                  <a:pt x="998" y="490"/>
                </a:lnTo>
                <a:lnTo>
                  <a:pt x="1062" y="478"/>
                </a:lnTo>
                <a:lnTo>
                  <a:pt x="1102" y="476"/>
                </a:lnTo>
                <a:lnTo>
                  <a:pt x="1118" y="472"/>
                </a:lnTo>
                <a:lnTo>
                  <a:pt x="1135" y="463"/>
                </a:lnTo>
                <a:lnTo>
                  <a:pt x="1170" y="459"/>
                </a:lnTo>
                <a:lnTo>
                  <a:pt x="1194" y="466"/>
                </a:lnTo>
                <a:lnTo>
                  <a:pt x="1204" y="474"/>
                </a:lnTo>
                <a:lnTo>
                  <a:pt x="1246" y="474"/>
                </a:lnTo>
                <a:lnTo>
                  <a:pt x="1274" y="465"/>
                </a:lnTo>
                <a:lnTo>
                  <a:pt x="1306" y="466"/>
                </a:lnTo>
                <a:lnTo>
                  <a:pt x="1320" y="468"/>
                </a:lnTo>
                <a:lnTo>
                  <a:pt x="1358" y="488"/>
                </a:lnTo>
                <a:lnTo>
                  <a:pt x="1402" y="492"/>
                </a:lnTo>
                <a:lnTo>
                  <a:pt x="1443" y="499"/>
                </a:lnTo>
                <a:lnTo>
                  <a:pt x="1475" y="516"/>
                </a:lnTo>
                <a:lnTo>
                  <a:pt x="1511" y="552"/>
                </a:lnTo>
                <a:lnTo>
                  <a:pt x="1588" y="588"/>
                </a:lnTo>
                <a:lnTo>
                  <a:pt x="1604" y="603"/>
                </a:lnTo>
                <a:lnTo>
                  <a:pt x="1621" y="629"/>
                </a:lnTo>
                <a:lnTo>
                  <a:pt x="1621" y="640"/>
                </a:lnTo>
                <a:lnTo>
                  <a:pt x="1620" y="713"/>
                </a:lnTo>
                <a:lnTo>
                  <a:pt x="1611" y="774"/>
                </a:lnTo>
                <a:lnTo>
                  <a:pt x="1566" y="901"/>
                </a:lnTo>
                <a:lnTo>
                  <a:pt x="1564" y="1012"/>
                </a:lnTo>
                <a:lnTo>
                  <a:pt x="1543" y="1136"/>
                </a:lnTo>
                <a:lnTo>
                  <a:pt x="1536" y="1217"/>
                </a:lnTo>
                <a:lnTo>
                  <a:pt x="1528" y="1247"/>
                </a:lnTo>
                <a:lnTo>
                  <a:pt x="1511" y="1278"/>
                </a:lnTo>
                <a:lnTo>
                  <a:pt x="1513" y="1316"/>
                </a:lnTo>
                <a:lnTo>
                  <a:pt x="1536" y="1356"/>
                </a:lnTo>
                <a:lnTo>
                  <a:pt x="1541" y="1373"/>
                </a:lnTo>
                <a:lnTo>
                  <a:pt x="1541" y="1380"/>
                </a:lnTo>
                <a:lnTo>
                  <a:pt x="1544" y="1381"/>
                </a:lnTo>
                <a:lnTo>
                  <a:pt x="1550" y="1406"/>
                </a:lnTo>
                <a:lnTo>
                  <a:pt x="1557" y="1416"/>
                </a:lnTo>
                <a:lnTo>
                  <a:pt x="1578" y="1467"/>
                </a:lnTo>
                <a:lnTo>
                  <a:pt x="1604" y="1503"/>
                </a:lnTo>
                <a:lnTo>
                  <a:pt x="1666" y="1566"/>
                </a:lnTo>
                <a:lnTo>
                  <a:pt x="1711" y="1592"/>
                </a:lnTo>
                <a:lnTo>
                  <a:pt x="1727" y="1610"/>
                </a:lnTo>
                <a:lnTo>
                  <a:pt x="1739" y="1625"/>
                </a:lnTo>
                <a:lnTo>
                  <a:pt x="1769" y="1635"/>
                </a:lnTo>
                <a:lnTo>
                  <a:pt x="1773" y="1639"/>
                </a:lnTo>
                <a:lnTo>
                  <a:pt x="1780" y="1673"/>
                </a:lnTo>
                <a:lnTo>
                  <a:pt x="1798" y="1686"/>
                </a:lnTo>
                <a:lnTo>
                  <a:pt x="1798" y="1704"/>
                </a:lnTo>
                <a:lnTo>
                  <a:pt x="1805" y="1724"/>
                </a:lnTo>
                <a:lnTo>
                  <a:pt x="1883" y="1725"/>
                </a:lnTo>
                <a:lnTo>
                  <a:pt x="1895" y="1728"/>
                </a:lnTo>
                <a:lnTo>
                  <a:pt x="1953" y="1755"/>
                </a:lnTo>
                <a:lnTo>
                  <a:pt x="1979" y="1758"/>
                </a:lnTo>
                <a:lnTo>
                  <a:pt x="1996" y="1758"/>
                </a:lnTo>
                <a:lnTo>
                  <a:pt x="2011" y="1754"/>
                </a:lnTo>
                <a:lnTo>
                  <a:pt x="2035" y="1731"/>
                </a:lnTo>
                <a:lnTo>
                  <a:pt x="2050" y="1723"/>
                </a:lnTo>
                <a:lnTo>
                  <a:pt x="2101" y="1715"/>
                </a:lnTo>
                <a:lnTo>
                  <a:pt x="2163" y="1682"/>
                </a:lnTo>
                <a:lnTo>
                  <a:pt x="2175" y="1682"/>
                </a:lnTo>
                <a:lnTo>
                  <a:pt x="2189" y="1687"/>
                </a:lnTo>
                <a:lnTo>
                  <a:pt x="2191" y="1716"/>
                </a:lnTo>
                <a:lnTo>
                  <a:pt x="2198" y="1719"/>
                </a:lnTo>
                <a:lnTo>
                  <a:pt x="2220" y="1708"/>
                </a:lnTo>
                <a:lnTo>
                  <a:pt x="2226" y="1655"/>
                </a:lnTo>
                <a:lnTo>
                  <a:pt x="2246" y="1631"/>
                </a:lnTo>
                <a:lnTo>
                  <a:pt x="2254" y="1626"/>
                </a:lnTo>
                <a:lnTo>
                  <a:pt x="2272" y="1622"/>
                </a:lnTo>
                <a:lnTo>
                  <a:pt x="2335" y="1625"/>
                </a:lnTo>
                <a:lnTo>
                  <a:pt x="2367" y="1643"/>
                </a:lnTo>
                <a:lnTo>
                  <a:pt x="2407" y="1655"/>
                </a:lnTo>
                <a:lnTo>
                  <a:pt x="2454" y="1659"/>
                </a:lnTo>
                <a:lnTo>
                  <a:pt x="2493" y="1668"/>
                </a:lnTo>
                <a:lnTo>
                  <a:pt x="2526" y="1683"/>
                </a:lnTo>
                <a:lnTo>
                  <a:pt x="2578" y="1732"/>
                </a:lnTo>
                <a:lnTo>
                  <a:pt x="2593" y="1742"/>
                </a:lnTo>
                <a:close/>
              </a:path>
            </a:pathLst>
          </a:custGeom>
          <a:solidFill>
            <a:schemeClr val="bg1">
              <a:alpha val="30196"/>
            </a:schemeClr>
          </a:solidFill>
          <a:ln w="9525">
            <a:noFill/>
            <a:round/>
            <a:headEnd/>
            <a:tailEnd/>
          </a:ln>
        </p:spPr>
        <p:txBody>
          <a:bodyPr/>
          <a:lstStyle/>
          <a:p>
            <a:endParaRPr lang="es-ES"/>
          </a:p>
        </p:txBody>
      </p:sp>
      <p:sp>
        <p:nvSpPr>
          <p:cNvPr id="26628" name="Freeform 6"/>
          <p:cNvSpPr>
            <a:spLocks/>
          </p:cNvSpPr>
          <p:nvPr/>
        </p:nvSpPr>
        <p:spPr bwMode="auto">
          <a:xfrm>
            <a:off x="6359525" y="887413"/>
            <a:ext cx="882650" cy="511175"/>
          </a:xfrm>
          <a:custGeom>
            <a:avLst/>
            <a:gdLst>
              <a:gd name="T0" fmla="*/ 2147483647 w 536"/>
              <a:gd name="T1" fmla="*/ 2147483647 h 321"/>
              <a:gd name="T2" fmla="*/ 2147483647 w 536"/>
              <a:gd name="T3" fmla="*/ 2147483647 h 321"/>
              <a:gd name="T4" fmla="*/ 2147483647 w 536"/>
              <a:gd name="T5" fmla="*/ 2147483647 h 321"/>
              <a:gd name="T6" fmla="*/ 2147483647 w 536"/>
              <a:gd name="T7" fmla="*/ 2147483647 h 321"/>
              <a:gd name="T8" fmla="*/ 2147483647 w 536"/>
              <a:gd name="T9" fmla="*/ 2147483647 h 321"/>
              <a:gd name="T10" fmla="*/ 2147483647 w 536"/>
              <a:gd name="T11" fmla="*/ 2147483647 h 321"/>
              <a:gd name="T12" fmla="*/ 2147483647 w 536"/>
              <a:gd name="T13" fmla="*/ 2147483647 h 321"/>
              <a:gd name="T14" fmla="*/ 2147483647 w 536"/>
              <a:gd name="T15" fmla="*/ 2147483647 h 321"/>
              <a:gd name="T16" fmla="*/ 2147483647 w 536"/>
              <a:gd name="T17" fmla="*/ 2147483647 h 321"/>
              <a:gd name="T18" fmla="*/ 2147483647 w 536"/>
              <a:gd name="T19" fmla="*/ 2147483647 h 321"/>
              <a:gd name="T20" fmla="*/ 2147483647 w 536"/>
              <a:gd name="T21" fmla="*/ 2147483647 h 321"/>
              <a:gd name="T22" fmla="*/ 2147483647 w 536"/>
              <a:gd name="T23" fmla="*/ 2147483647 h 321"/>
              <a:gd name="T24" fmla="*/ 2147483647 w 536"/>
              <a:gd name="T25" fmla="*/ 2147483647 h 321"/>
              <a:gd name="T26" fmla="*/ 2147483647 w 536"/>
              <a:gd name="T27" fmla="*/ 2147483647 h 321"/>
              <a:gd name="T28" fmla="*/ 2147483647 w 536"/>
              <a:gd name="T29" fmla="*/ 2147483647 h 321"/>
              <a:gd name="T30" fmla="*/ 2147483647 w 536"/>
              <a:gd name="T31" fmla="*/ 2147483647 h 321"/>
              <a:gd name="T32" fmla="*/ 2147483647 w 536"/>
              <a:gd name="T33" fmla="*/ 2147483647 h 321"/>
              <a:gd name="T34" fmla="*/ 2147483647 w 536"/>
              <a:gd name="T35" fmla="*/ 2147483647 h 321"/>
              <a:gd name="T36" fmla="*/ 2147483647 w 536"/>
              <a:gd name="T37" fmla="*/ 2147483647 h 321"/>
              <a:gd name="T38" fmla="*/ 2147483647 w 536"/>
              <a:gd name="T39" fmla="*/ 2147483647 h 321"/>
              <a:gd name="T40" fmla="*/ 2147483647 w 536"/>
              <a:gd name="T41" fmla="*/ 2147483647 h 321"/>
              <a:gd name="T42" fmla="*/ 2147483647 w 536"/>
              <a:gd name="T43" fmla="*/ 2147483647 h 321"/>
              <a:gd name="T44" fmla="*/ 2147483647 w 536"/>
              <a:gd name="T45" fmla="*/ 2147483647 h 321"/>
              <a:gd name="T46" fmla="*/ 2147483647 w 536"/>
              <a:gd name="T47" fmla="*/ 2147483647 h 321"/>
              <a:gd name="T48" fmla="*/ 2147483647 w 536"/>
              <a:gd name="T49" fmla="*/ 2147483647 h 321"/>
              <a:gd name="T50" fmla="*/ 2147483647 w 536"/>
              <a:gd name="T51" fmla="*/ 2147483647 h 321"/>
              <a:gd name="T52" fmla="*/ 2147483647 w 536"/>
              <a:gd name="T53" fmla="*/ 2147483647 h 321"/>
              <a:gd name="T54" fmla="*/ 2147483647 w 536"/>
              <a:gd name="T55" fmla="*/ 2147483647 h 321"/>
              <a:gd name="T56" fmla="*/ 2147483647 w 536"/>
              <a:gd name="T57" fmla="*/ 2147483647 h 321"/>
              <a:gd name="T58" fmla="*/ 2147483647 w 536"/>
              <a:gd name="T59" fmla="*/ 2147483647 h 321"/>
              <a:gd name="T60" fmla="*/ 2147483647 w 536"/>
              <a:gd name="T61" fmla="*/ 2147483647 h 321"/>
              <a:gd name="T62" fmla="*/ 2147483647 w 536"/>
              <a:gd name="T63" fmla="*/ 2147483647 h 321"/>
              <a:gd name="T64" fmla="*/ 2147483647 w 536"/>
              <a:gd name="T65" fmla="*/ 2147483647 h 321"/>
              <a:gd name="T66" fmla="*/ 2147483647 w 536"/>
              <a:gd name="T67" fmla="*/ 2147483647 h 321"/>
              <a:gd name="T68" fmla="*/ 2147483647 w 536"/>
              <a:gd name="T69" fmla="*/ 2147483647 h 321"/>
              <a:gd name="T70" fmla="*/ 2147483647 w 536"/>
              <a:gd name="T71" fmla="*/ 2147483647 h 321"/>
              <a:gd name="T72" fmla="*/ 2147483647 w 536"/>
              <a:gd name="T73" fmla="*/ 2147483647 h 321"/>
              <a:gd name="T74" fmla="*/ 2147483647 w 536"/>
              <a:gd name="T75" fmla="*/ 2147483647 h 321"/>
              <a:gd name="T76" fmla="*/ 2147483647 w 536"/>
              <a:gd name="T77" fmla="*/ 2147483647 h 321"/>
              <a:gd name="T78" fmla="*/ 2147483647 w 536"/>
              <a:gd name="T79" fmla="*/ 2147483647 h 321"/>
              <a:gd name="T80" fmla="*/ 2147483647 w 536"/>
              <a:gd name="T81" fmla="*/ 2147483647 h 321"/>
              <a:gd name="T82" fmla="*/ 2147483647 w 536"/>
              <a:gd name="T83" fmla="*/ 2147483647 h 321"/>
              <a:gd name="T84" fmla="*/ 2147483647 w 536"/>
              <a:gd name="T85" fmla="*/ 2147483647 h 321"/>
              <a:gd name="T86" fmla="*/ 2147483647 w 536"/>
              <a:gd name="T87" fmla="*/ 2147483647 h 321"/>
              <a:gd name="T88" fmla="*/ 2147483647 w 536"/>
              <a:gd name="T89" fmla="*/ 2147483647 h 321"/>
              <a:gd name="T90" fmla="*/ 2147483647 w 536"/>
              <a:gd name="T91" fmla="*/ 2147483647 h 321"/>
              <a:gd name="T92" fmla="*/ 0 w 536"/>
              <a:gd name="T93" fmla="*/ 2147483647 h 321"/>
              <a:gd name="T94" fmla="*/ 2147483647 w 536"/>
              <a:gd name="T95" fmla="*/ 2147483647 h 321"/>
              <a:gd name="T96" fmla="*/ 0 60000 65536"/>
              <a:gd name="T97" fmla="*/ 0 60000 65536"/>
              <a:gd name="T98" fmla="*/ 0 60000 65536"/>
              <a:gd name="T99" fmla="*/ 0 60000 65536"/>
              <a:gd name="T100" fmla="*/ 0 60000 65536"/>
              <a:gd name="T101" fmla="*/ 0 60000 65536"/>
              <a:gd name="T102" fmla="*/ 0 60000 65536"/>
              <a:gd name="T103" fmla="*/ 0 60000 6553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w 536"/>
              <a:gd name="T145" fmla="*/ 0 h 321"/>
              <a:gd name="T146" fmla="*/ 536 w 536"/>
              <a:gd name="T147" fmla="*/ 321 h 321"/>
            </a:gdLst>
            <a:ahLst/>
            <a:cxnLst>
              <a:cxn ang="T96">
                <a:pos x="T0" y="T1"/>
              </a:cxn>
              <a:cxn ang="T97">
                <a:pos x="T2" y="T3"/>
              </a:cxn>
              <a:cxn ang="T98">
                <a:pos x="T4" y="T5"/>
              </a:cxn>
              <a:cxn ang="T99">
                <a:pos x="T6" y="T7"/>
              </a:cxn>
              <a:cxn ang="T100">
                <a:pos x="T8" y="T9"/>
              </a:cxn>
              <a:cxn ang="T101">
                <a:pos x="T10" y="T11"/>
              </a:cxn>
              <a:cxn ang="T102">
                <a:pos x="T12" y="T13"/>
              </a:cxn>
              <a:cxn ang="T103">
                <a:pos x="T14" y="T15"/>
              </a:cxn>
              <a:cxn ang="T104">
                <a:pos x="T16" y="T17"/>
              </a:cxn>
              <a:cxn ang="T105">
                <a:pos x="T18" y="T19"/>
              </a:cxn>
              <a:cxn ang="T106">
                <a:pos x="T20" y="T21"/>
              </a:cxn>
              <a:cxn ang="T107">
                <a:pos x="T22" y="T23"/>
              </a:cxn>
              <a:cxn ang="T108">
                <a:pos x="T24" y="T25"/>
              </a:cxn>
              <a:cxn ang="T109">
                <a:pos x="T26" y="T27"/>
              </a:cxn>
              <a:cxn ang="T110">
                <a:pos x="T28" y="T29"/>
              </a:cxn>
              <a:cxn ang="T111">
                <a:pos x="T30" y="T31"/>
              </a:cxn>
              <a:cxn ang="T112">
                <a:pos x="T32" y="T33"/>
              </a:cxn>
              <a:cxn ang="T113">
                <a:pos x="T34" y="T35"/>
              </a:cxn>
              <a:cxn ang="T114">
                <a:pos x="T36" y="T37"/>
              </a:cxn>
              <a:cxn ang="T115">
                <a:pos x="T38" y="T39"/>
              </a:cxn>
              <a:cxn ang="T116">
                <a:pos x="T40" y="T41"/>
              </a:cxn>
              <a:cxn ang="T117">
                <a:pos x="T42" y="T43"/>
              </a:cxn>
              <a:cxn ang="T118">
                <a:pos x="T44" y="T45"/>
              </a:cxn>
              <a:cxn ang="T119">
                <a:pos x="T46" y="T47"/>
              </a:cxn>
              <a:cxn ang="T120">
                <a:pos x="T48" y="T49"/>
              </a:cxn>
              <a:cxn ang="T121">
                <a:pos x="T50" y="T51"/>
              </a:cxn>
              <a:cxn ang="T122">
                <a:pos x="T52" y="T53"/>
              </a:cxn>
              <a:cxn ang="T123">
                <a:pos x="T54" y="T55"/>
              </a:cxn>
              <a:cxn ang="T124">
                <a:pos x="T56" y="T57"/>
              </a:cxn>
              <a:cxn ang="T125">
                <a:pos x="T58" y="T59"/>
              </a:cxn>
              <a:cxn ang="T126">
                <a:pos x="T60" y="T61"/>
              </a:cxn>
              <a:cxn ang="T127">
                <a:pos x="T62" y="T63"/>
              </a:cxn>
              <a:cxn ang="T128">
                <a:pos x="T64" y="T65"/>
              </a:cxn>
              <a:cxn ang="T129">
                <a:pos x="T66" y="T67"/>
              </a:cxn>
              <a:cxn ang="T130">
                <a:pos x="T68" y="T69"/>
              </a:cxn>
              <a:cxn ang="T131">
                <a:pos x="T70" y="T71"/>
              </a:cxn>
              <a:cxn ang="T132">
                <a:pos x="T72" y="T73"/>
              </a:cxn>
              <a:cxn ang="T133">
                <a:pos x="T74" y="T75"/>
              </a:cxn>
              <a:cxn ang="T134">
                <a:pos x="T76" y="T77"/>
              </a:cxn>
              <a:cxn ang="T135">
                <a:pos x="T78" y="T79"/>
              </a:cxn>
              <a:cxn ang="T136">
                <a:pos x="T80" y="T81"/>
              </a:cxn>
              <a:cxn ang="T137">
                <a:pos x="T82" y="T83"/>
              </a:cxn>
              <a:cxn ang="T138">
                <a:pos x="T84" y="T85"/>
              </a:cxn>
              <a:cxn ang="T139">
                <a:pos x="T86" y="T87"/>
              </a:cxn>
              <a:cxn ang="T140">
                <a:pos x="T88" y="T89"/>
              </a:cxn>
              <a:cxn ang="T141">
                <a:pos x="T90" y="T91"/>
              </a:cxn>
              <a:cxn ang="T142">
                <a:pos x="T92" y="T93"/>
              </a:cxn>
              <a:cxn ang="T143">
                <a:pos x="T94" y="T95"/>
              </a:cxn>
            </a:cxnLst>
            <a:rect l="T144" t="T145" r="T146" b="T147"/>
            <a:pathLst>
              <a:path w="536" h="321">
                <a:moveTo>
                  <a:pt x="8" y="9"/>
                </a:moveTo>
                <a:cubicBezTo>
                  <a:pt x="9" y="9"/>
                  <a:pt x="11" y="10"/>
                  <a:pt x="12" y="10"/>
                </a:cubicBezTo>
                <a:cubicBezTo>
                  <a:pt x="14" y="12"/>
                  <a:pt x="17" y="13"/>
                  <a:pt x="19" y="15"/>
                </a:cubicBezTo>
                <a:cubicBezTo>
                  <a:pt x="26" y="19"/>
                  <a:pt x="33" y="22"/>
                  <a:pt x="40" y="26"/>
                </a:cubicBezTo>
                <a:lnTo>
                  <a:pt x="52" y="32"/>
                </a:lnTo>
                <a:cubicBezTo>
                  <a:pt x="56" y="34"/>
                  <a:pt x="61" y="36"/>
                  <a:pt x="65" y="38"/>
                </a:cubicBezTo>
                <a:cubicBezTo>
                  <a:pt x="67" y="39"/>
                  <a:pt x="69" y="39"/>
                  <a:pt x="71" y="40"/>
                </a:cubicBezTo>
                <a:cubicBezTo>
                  <a:pt x="73" y="41"/>
                  <a:pt x="75" y="41"/>
                  <a:pt x="77" y="42"/>
                </a:cubicBezTo>
                <a:cubicBezTo>
                  <a:pt x="79" y="42"/>
                  <a:pt x="81" y="43"/>
                  <a:pt x="83" y="43"/>
                </a:cubicBezTo>
                <a:lnTo>
                  <a:pt x="88" y="43"/>
                </a:lnTo>
                <a:lnTo>
                  <a:pt x="91" y="43"/>
                </a:lnTo>
                <a:cubicBezTo>
                  <a:pt x="92" y="43"/>
                  <a:pt x="94" y="42"/>
                  <a:pt x="95" y="42"/>
                </a:cubicBezTo>
                <a:cubicBezTo>
                  <a:pt x="95" y="40"/>
                  <a:pt x="94" y="39"/>
                  <a:pt x="94" y="37"/>
                </a:cubicBezTo>
                <a:cubicBezTo>
                  <a:pt x="94" y="36"/>
                  <a:pt x="93" y="34"/>
                  <a:pt x="93" y="33"/>
                </a:cubicBezTo>
                <a:cubicBezTo>
                  <a:pt x="93" y="32"/>
                  <a:pt x="94" y="30"/>
                  <a:pt x="94" y="29"/>
                </a:cubicBezTo>
                <a:cubicBezTo>
                  <a:pt x="94" y="28"/>
                  <a:pt x="95" y="27"/>
                  <a:pt x="95" y="26"/>
                </a:cubicBezTo>
                <a:cubicBezTo>
                  <a:pt x="96" y="23"/>
                  <a:pt x="98" y="20"/>
                  <a:pt x="99" y="17"/>
                </a:cubicBezTo>
                <a:cubicBezTo>
                  <a:pt x="100" y="16"/>
                  <a:pt x="100" y="15"/>
                  <a:pt x="101" y="14"/>
                </a:cubicBezTo>
                <a:lnTo>
                  <a:pt x="105" y="10"/>
                </a:lnTo>
                <a:cubicBezTo>
                  <a:pt x="106" y="9"/>
                  <a:pt x="107" y="9"/>
                  <a:pt x="108" y="8"/>
                </a:cubicBezTo>
                <a:cubicBezTo>
                  <a:pt x="109" y="8"/>
                  <a:pt x="110" y="7"/>
                  <a:pt x="111" y="7"/>
                </a:cubicBezTo>
                <a:cubicBezTo>
                  <a:pt x="113" y="7"/>
                  <a:pt x="114" y="8"/>
                  <a:pt x="116" y="8"/>
                </a:cubicBezTo>
                <a:cubicBezTo>
                  <a:pt x="117" y="8"/>
                  <a:pt x="119" y="9"/>
                  <a:pt x="120" y="9"/>
                </a:cubicBezTo>
                <a:cubicBezTo>
                  <a:pt x="124" y="10"/>
                  <a:pt x="127" y="11"/>
                  <a:pt x="131" y="12"/>
                </a:cubicBezTo>
                <a:cubicBezTo>
                  <a:pt x="135" y="13"/>
                  <a:pt x="138" y="15"/>
                  <a:pt x="142" y="16"/>
                </a:cubicBezTo>
                <a:cubicBezTo>
                  <a:pt x="144" y="16"/>
                  <a:pt x="145" y="17"/>
                  <a:pt x="147" y="17"/>
                </a:cubicBezTo>
                <a:cubicBezTo>
                  <a:pt x="148" y="17"/>
                  <a:pt x="150" y="18"/>
                  <a:pt x="151" y="18"/>
                </a:cubicBezTo>
                <a:cubicBezTo>
                  <a:pt x="152" y="18"/>
                  <a:pt x="153" y="17"/>
                  <a:pt x="154" y="17"/>
                </a:cubicBezTo>
                <a:cubicBezTo>
                  <a:pt x="155" y="16"/>
                  <a:pt x="157" y="16"/>
                  <a:pt x="158" y="15"/>
                </a:cubicBezTo>
                <a:cubicBezTo>
                  <a:pt x="162" y="13"/>
                  <a:pt x="165" y="11"/>
                  <a:pt x="169" y="9"/>
                </a:cubicBezTo>
                <a:lnTo>
                  <a:pt x="175" y="6"/>
                </a:lnTo>
                <a:cubicBezTo>
                  <a:pt x="177" y="5"/>
                  <a:pt x="178" y="5"/>
                  <a:pt x="180" y="4"/>
                </a:cubicBezTo>
                <a:cubicBezTo>
                  <a:pt x="182" y="3"/>
                  <a:pt x="183" y="2"/>
                  <a:pt x="185" y="1"/>
                </a:cubicBezTo>
                <a:cubicBezTo>
                  <a:pt x="186" y="1"/>
                  <a:pt x="187" y="0"/>
                  <a:pt x="188" y="0"/>
                </a:cubicBezTo>
                <a:lnTo>
                  <a:pt x="242" y="21"/>
                </a:lnTo>
                <a:cubicBezTo>
                  <a:pt x="260" y="28"/>
                  <a:pt x="277" y="34"/>
                  <a:pt x="295" y="41"/>
                </a:cubicBezTo>
                <a:lnTo>
                  <a:pt x="302" y="41"/>
                </a:lnTo>
                <a:cubicBezTo>
                  <a:pt x="304" y="41"/>
                  <a:pt x="307" y="40"/>
                  <a:pt x="309" y="40"/>
                </a:cubicBezTo>
                <a:cubicBezTo>
                  <a:pt x="314" y="38"/>
                  <a:pt x="318" y="36"/>
                  <a:pt x="323" y="34"/>
                </a:cubicBezTo>
                <a:cubicBezTo>
                  <a:pt x="325" y="38"/>
                  <a:pt x="328" y="41"/>
                  <a:pt x="330" y="45"/>
                </a:cubicBezTo>
                <a:cubicBezTo>
                  <a:pt x="332" y="48"/>
                  <a:pt x="333" y="52"/>
                  <a:pt x="335" y="55"/>
                </a:cubicBezTo>
                <a:cubicBezTo>
                  <a:pt x="337" y="61"/>
                  <a:pt x="340" y="66"/>
                  <a:pt x="342" y="72"/>
                </a:cubicBezTo>
                <a:cubicBezTo>
                  <a:pt x="343" y="74"/>
                  <a:pt x="345" y="75"/>
                  <a:pt x="346" y="77"/>
                </a:cubicBezTo>
                <a:cubicBezTo>
                  <a:pt x="347" y="78"/>
                  <a:pt x="347" y="79"/>
                  <a:pt x="348" y="80"/>
                </a:cubicBezTo>
                <a:lnTo>
                  <a:pt x="350" y="82"/>
                </a:lnTo>
                <a:cubicBezTo>
                  <a:pt x="351" y="83"/>
                  <a:pt x="353" y="83"/>
                  <a:pt x="354" y="84"/>
                </a:cubicBezTo>
                <a:cubicBezTo>
                  <a:pt x="355" y="84"/>
                  <a:pt x="356" y="85"/>
                  <a:pt x="357" y="85"/>
                </a:cubicBezTo>
                <a:cubicBezTo>
                  <a:pt x="358" y="85"/>
                  <a:pt x="359" y="86"/>
                  <a:pt x="360" y="86"/>
                </a:cubicBezTo>
                <a:lnTo>
                  <a:pt x="366" y="86"/>
                </a:lnTo>
                <a:cubicBezTo>
                  <a:pt x="369" y="86"/>
                  <a:pt x="374" y="84"/>
                  <a:pt x="374" y="85"/>
                </a:cubicBezTo>
                <a:cubicBezTo>
                  <a:pt x="374" y="86"/>
                  <a:pt x="366" y="89"/>
                  <a:pt x="365" y="93"/>
                </a:cubicBezTo>
                <a:lnTo>
                  <a:pt x="365" y="110"/>
                </a:lnTo>
                <a:cubicBezTo>
                  <a:pt x="368" y="111"/>
                  <a:pt x="371" y="113"/>
                  <a:pt x="374" y="114"/>
                </a:cubicBezTo>
                <a:cubicBezTo>
                  <a:pt x="377" y="115"/>
                  <a:pt x="381" y="115"/>
                  <a:pt x="384" y="116"/>
                </a:cubicBezTo>
                <a:cubicBezTo>
                  <a:pt x="387" y="117"/>
                  <a:pt x="391" y="117"/>
                  <a:pt x="394" y="118"/>
                </a:cubicBezTo>
                <a:cubicBezTo>
                  <a:pt x="398" y="118"/>
                  <a:pt x="401" y="119"/>
                  <a:pt x="405" y="119"/>
                </a:cubicBezTo>
                <a:lnTo>
                  <a:pt x="426" y="122"/>
                </a:lnTo>
                <a:lnTo>
                  <a:pt x="448" y="125"/>
                </a:lnTo>
                <a:cubicBezTo>
                  <a:pt x="452" y="126"/>
                  <a:pt x="455" y="126"/>
                  <a:pt x="459" y="127"/>
                </a:cubicBezTo>
                <a:cubicBezTo>
                  <a:pt x="463" y="128"/>
                  <a:pt x="466" y="128"/>
                  <a:pt x="470" y="129"/>
                </a:cubicBezTo>
                <a:cubicBezTo>
                  <a:pt x="474" y="130"/>
                  <a:pt x="477" y="131"/>
                  <a:pt x="481" y="132"/>
                </a:cubicBezTo>
                <a:cubicBezTo>
                  <a:pt x="485" y="134"/>
                  <a:pt x="488" y="136"/>
                  <a:pt x="492" y="138"/>
                </a:cubicBezTo>
                <a:cubicBezTo>
                  <a:pt x="496" y="140"/>
                  <a:pt x="499" y="141"/>
                  <a:pt x="503" y="143"/>
                </a:cubicBezTo>
                <a:cubicBezTo>
                  <a:pt x="505" y="144"/>
                  <a:pt x="506" y="146"/>
                  <a:pt x="508" y="147"/>
                </a:cubicBezTo>
                <a:lnTo>
                  <a:pt x="514" y="150"/>
                </a:lnTo>
                <a:cubicBezTo>
                  <a:pt x="518" y="153"/>
                  <a:pt x="521" y="156"/>
                  <a:pt x="525" y="159"/>
                </a:cubicBezTo>
                <a:cubicBezTo>
                  <a:pt x="529" y="162"/>
                  <a:pt x="532" y="166"/>
                  <a:pt x="536" y="169"/>
                </a:cubicBezTo>
                <a:cubicBezTo>
                  <a:pt x="536" y="171"/>
                  <a:pt x="535" y="173"/>
                  <a:pt x="535" y="175"/>
                </a:cubicBezTo>
                <a:lnTo>
                  <a:pt x="535" y="181"/>
                </a:lnTo>
                <a:cubicBezTo>
                  <a:pt x="534" y="182"/>
                  <a:pt x="533" y="184"/>
                  <a:pt x="532" y="185"/>
                </a:cubicBezTo>
                <a:cubicBezTo>
                  <a:pt x="532" y="187"/>
                  <a:pt x="531" y="189"/>
                  <a:pt x="531" y="191"/>
                </a:cubicBezTo>
                <a:cubicBezTo>
                  <a:pt x="531" y="192"/>
                  <a:pt x="530" y="192"/>
                  <a:pt x="530" y="193"/>
                </a:cubicBezTo>
                <a:cubicBezTo>
                  <a:pt x="530" y="194"/>
                  <a:pt x="529" y="194"/>
                  <a:pt x="529" y="195"/>
                </a:cubicBezTo>
                <a:lnTo>
                  <a:pt x="526" y="198"/>
                </a:lnTo>
                <a:cubicBezTo>
                  <a:pt x="525" y="199"/>
                  <a:pt x="524" y="201"/>
                  <a:pt x="523" y="202"/>
                </a:cubicBezTo>
                <a:cubicBezTo>
                  <a:pt x="522" y="203"/>
                  <a:pt x="520" y="204"/>
                  <a:pt x="519" y="205"/>
                </a:cubicBezTo>
                <a:cubicBezTo>
                  <a:pt x="517" y="207"/>
                  <a:pt x="514" y="209"/>
                  <a:pt x="512" y="211"/>
                </a:cubicBezTo>
                <a:lnTo>
                  <a:pt x="503" y="217"/>
                </a:lnTo>
                <a:lnTo>
                  <a:pt x="485" y="229"/>
                </a:lnTo>
                <a:cubicBezTo>
                  <a:pt x="484" y="228"/>
                  <a:pt x="484" y="226"/>
                  <a:pt x="483" y="225"/>
                </a:cubicBezTo>
                <a:cubicBezTo>
                  <a:pt x="482" y="223"/>
                  <a:pt x="482" y="222"/>
                  <a:pt x="481" y="220"/>
                </a:cubicBezTo>
                <a:cubicBezTo>
                  <a:pt x="478" y="217"/>
                  <a:pt x="476" y="214"/>
                  <a:pt x="473" y="211"/>
                </a:cubicBezTo>
                <a:cubicBezTo>
                  <a:pt x="472" y="210"/>
                  <a:pt x="471" y="208"/>
                  <a:pt x="470" y="207"/>
                </a:cubicBezTo>
                <a:cubicBezTo>
                  <a:pt x="469" y="206"/>
                  <a:pt x="467" y="206"/>
                  <a:pt x="466" y="205"/>
                </a:cubicBezTo>
                <a:cubicBezTo>
                  <a:pt x="465" y="204"/>
                  <a:pt x="463" y="204"/>
                  <a:pt x="462" y="203"/>
                </a:cubicBezTo>
                <a:cubicBezTo>
                  <a:pt x="461" y="203"/>
                  <a:pt x="459" y="202"/>
                  <a:pt x="458" y="202"/>
                </a:cubicBezTo>
                <a:lnTo>
                  <a:pt x="384" y="202"/>
                </a:lnTo>
                <a:lnTo>
                  <a:pt x="380" y="202"/>
                </a:lnTo>
                <a:cubicBezTo>
                  <a:pt x="379" y="202"/>
                  <a:pt x="377" y="201"/>
                  <a:pt x="376" y="201"/>
                </a:cubicBezTo>
                <a:cubicBezTo>
                  <a:pt x="372" y="200"/>
                  <a:pt x="368" y="198"/>
                  <a:pt x="364" y="197"/>
                </a:cubicBezTo>
                <a:cubicBezTo>
                  <a:pt x="360" y="196"/>
                  <a:pt x="355" y="194"/>
                  <a:pt x="351" y="193"/>
                </a:cubicBezTo>
                <a:cubicBezTo>
                  <a:pt x="350" y="193"/>
                  <a:pt x="348" y="192"/>
                  <a:pt x="347" y="192"/>
                </a:cubicBezTo>
                <a:lnTo>
                  <a:pt x="343" y="192"/>
                </a:lnTo>
                <a:lnTo>
                  <a:pt x="339" y="192"/>
                </a:lnTo>
                <a:cubicBezTo>
                  <a:pt x="338" y="192"/>
                  <a:pt x="337" y="193"/>
                  <a:pt x="336" y="193"/>
                </a:cubicBezTo>
                <a:cubicBezTo>
                  <a:pt x="334" y="194"/>
                  <a:pt x="333" y="194"/>
                  <a:pt x="331" y="195"/>
                </a:cubicBezTo>
                <a:lnTo>
                  <a:pt x="325" y="198"/>
                </a:lnTo>
                <a:lnTo>
                  <a:pt x="322" y="201"/>
                </a:lnTo>
                <a:lnTo>
                  <a:pt x="320" y="203"/>
                </a:lnTo>
                <a:lnTo>
                  <a:pt x="315" y="208"/>
                </a:lnTo>
                <a:cubicBezTo>
                  <a:pt x="314" y="210"/>
                  <a:pt x="312" y="212"/>
                  <a:pt x="311" y="214"/>
                </a:cubicBezTo>
                <a:cubicBezTo>
                  <a:pt x="308" y="218"/>
                  <a:pt x="306" y="221"/>
                  <a:pt x="303" y="225"/>
                </a:cubicBezTo>
                <a:cubicBezTo>
                  <a:pt x="301" y="225"/>
                  <a:pt x="300" y="226"/>
                  <a:pt x="298" y="226"/>
                </a:cubicBezTo>
                <a:cubicBezTo>
                  <a:pt x="296" y="226"/>
                  <a:pt x="294" y="227"/>
                  <a:pt x="292" y="227"/>
                </a:cubicBezTo>
                <a:cubicBezTo>
                  <a:pt x="288" y="228"/>
                  <a:pt x="284" y="228"/>
                  <a:pt x="280" y="229"/>
                </a:cubicBezTo>
                <a:cubicBezTo>
                  <a:pt x="276" y="230"/>
                  <a:pt x="273" y="231"/>
                  <a:pt x="269" y="232"/>
                </a:cubicBezTo>
                <a:cubicBezTo>
                  <a:pt x="265" y="233"/>
                  <a:pt x="261" y="235"/>
                  <a:pt x="257" y="236"/>
                </a:cubicBezTo>
                <a:cubicBezTo>
                  <a:pt x="255" y="233"/>
                  <a:pt x="254" y="229"/>
                  <a:pt x="252" y="226"/>
                </a:cubicBezTo>
                <a:cubicBezTo>
                  <a:pt x="251" y="224"/>
                  <a:pt x="250" y="223"/>
                  <a:pt x="249" y="221"/>
                </a:cubicBezTo>
                <a:lnTo>
                  <a:pt x="249" y="218"/>
                </a:lnTo>
                <a:lnTo>
                  <a:pt x="249" y="214"/>
                </a:lnTo>
                <a:lnTo>
                  <a:pt x="249" y="211"/>
                </a:lnTo>
                <a:cubicBezTo>
                  <a:pt x="249" y="210"/>
                  <a:pt x="248" y="210"/>
                  <a:pt x="248" y="209"/>
                </a:cubicBezTo>
                <a:cubicBezTo>
                  <a:pt x="248" y="208"/>
                  <a:pt x="247" y="208"/>
                  <a:pt x="247" y="207"/>
                </a:cubicBezTo>
                <a:cubicBezTo>
                  <a:pt x="246" y="207"/>
                  <a:pt x="246" y="206"/>
                  <a:pt x="245" y="206"/>
                </a:cubicBezTo>
                <a:lnTo>
                  <a:pt x="243" y="206"/>
                </a:lnTo>
                <a:lnTo>
                  <a:pt x="240" y="206"/>
                </a:lnTo>
                <a:cubicBezTo>
                  <a:pt x="238" y="206"/>
                  <a:pt x="236" y="205"/>
                  <a:pt x="234" y="205"/>
                </a:cubicBezTo>
                <a:cubicBezTo>
                  <a:pt x="233" y="205"/>
                  <a:pt x="232" y="206"/>
                  <a:pt x="231" y="206"/>
                </a:cubicBezTo>
                <a:cubicBezTo>
                  <a:pt x="230" y="206"/>
                  <a:pt x="228" y="207"/>
                  <a:pt x="227" y="207"/>
                </a:cubicBezTo>
                <a:cubicBezTo>
                  <a:pt x="226" y="207"/>
                  <a:pt x="225" y="208"/>
                  <a:pt x="224" y="208"/>
                </a:cubicBezTo>
                <a:cubicBezTo>
                  <a:pt x="223" y="209"/>
                  <a:pt x="222" y="209"/>
                  <a:pt x="221" y="210"/>
                </a:cubicBezTo>
                <a:lnTo>
                  <a:pt x="209" y="219"/>
                </a:lnTo>
                <a:cubicBezTo>
                  <a:pt x="207" y="221"/>
                  <a:pt x="204" y="222"/>
                  <a:pt x="202" y="224"/>
                </a:cubicBezTo>
                <a:cubicBezTo>
                  <a:pt x="201" y="224"/>
                  <a:pt x="200" y="225"/>
                  <a:pt x="199" y="225"/>
                </a:cubicBezTo>
                <a:cubicBezTo>
                  <a:pt x="198" y="225"/>
                  <a:pt x="197" y="226"/>
                  <a:pt x="196" y="226"/>
                </a:cubicBezTo>
                <a:lnTo>
                  <a:pt x="191" y="226"/>
                </a:lnTo>
                <a:lnTo>
                  <a:pt x="188" y="226"/>
                </a:lnTo>
                <a:cubicBezTo>
                  <a:pt x="187" y="226"/>
                  <a:pt x="186" y="225"/>
                  <a:pt x="185" y="225"/>
                </a:cubicBezTo>
                <a:cubicBezTo>
                  <a:pt x="183" y="224"/>
                  <a:pt x="182" y="223"/>
                  <a:pt x="180" y="222"/>
                </a:cubicBezTo>
                <a:cubicBezTo>
                  <a:pt x="179" y="224"/>
                  <a:pt x="179" y="225"/>
                  <a:pt x="178" y="227"/>
                </a:cubicBezTo>
                <a:cubicBezTo>
                  <a:pt x="178" y="229"/>
                  <a:pt x="177" y="230"/>
                  <a:pt x="177" y="232"/>
                </a:cubicBezTo>
                <a:cubicBezTo>
                  <a:pt x="176" y="236"/>
                  <a:pt x="174" y="239"/>
                  <a:pt x="173" y="243"/>
                </a:cubicBezTo>
                <a:cubicBezTo>
                  <a:pt x="169" y="252"/>
                  <a:pt x="165" y="260"/>
                  <a:pt x="161" y="269"/>
                </a:cubicBezTo>
                <a:cubicBezTo>
                  <a:pt x="157" y="278"/>
                  <a:pt x="154" y="286"/>
                  <a:pt x="150" y="295"/>
                </a:cubicBezTo>
                <a:cubicBezTo>
                  <a:pt x="148" y="299"/>
                  <a:pt x="146" y="304"/>
                  <a:pt x="144" y="308"/>
                </a:cubicBezTo>
                <a:cubicBezTo>
                  <a:pt x="142" y="312"/>
                  <a:pt x="141" y="317"/>
                  <a:pt x="139" y="321"/>
                </a:cubicBezTo>
                <a:cubicBezTo>
                  <a:pt x="134" y="317"/>
                  <a:pt x="130" y="313"/>
                  <a:pt x="125" y="309"/>
                </a:cubicBezTo>
                <a:cubicBezTo>
                  <a:pt x="119" y="304"/>
                  <a:pt x="114" y="298"/>
                  <a:pt x="108" y="293"/>
                </a:cubicBezTo>
                <a:cubicBezTo>
                  <a:pt x="106" y="287"/>
                  <a:pt x="104" y="280"/>
                  <a:pt x="102" y="274"/>
                </a:cubicBezTo>
                <a:cubicBezTo>
                  <a:pt x="101" y="269"/>
                  <a:pt x="99" y="264"/>
                  <a:pt x="98" y="259"/>
                </a:cubicBezTo>
                <a:lnTo>
                  <a:pt x="91" y="252"/>
                </a:lnTo>
                <a:lnTo>
                  <a:pt x="86" y="247"/>
                </a:lnTo>
                <a:cubicBezTo>
                  <a:pt x="85" y="247"/>
                  <a:pt x="84" y="246"/>
                  <a:pt x="83" y="246"/>
                </a:cubicBezTo>
                <a:cubicBezTo>
                  <a:pt x="82" y="245"/>
                  <a:pt x="81" y="245"/>
                  <a:pt x="80" y="244"/>
                </a:cubicBezTo>
                <a:cubicBezTo>
                  <a:pt x="78" y="243"/>
                  <a:pt x="77" y="243"/>
                  <a:pt x="75" y="242"/>
                </a:cubicBezTo>
                <a:cubicBezTo>
                  <a:pt x="74" y="242"/>
                  <a:pt x="72" y="241"/>
                  <a:pt x="71" y="241"/>
                </a:cubicBezTo>
                <a:lnTo>
                  <a:pt x="66" y="241"/>
                </a:lnTo>
                <a:lnTo>
                  <a:pt x="57" y="241"/>
                </a:lnTo>
                <a:lnTo>
                  <a:pt x="55" y="241"/>
                </a:lnTo>
                <a:cubicBezTo>
                  <a:pt x="54" y="241"/>
                  <a:pt x="54" y="240"/>
                  <a:pt x="53" y="240"/>
                </a:cubicBezTo>
                <a:cubicBezTo>
                  <a:pt x="53" y="239"/>
                  <a:pt x="52" y="239"/>
                  <a:pt x="52" y="238"/>
                </a:cubicBezTo>
                <a:cubicBezTo>
                  <a:pt x="51" y="237"/>
                  <a:pt x="51" y="236"/>
                  <a:pt x="50" y="235"/>
                </a:cubicBezTo>
                <a:cubicBezTo>
                  <a:pt x="49" y="234"/>
                  <a:pt x="49" y="232"/>
                  <a:pt x="48" y="231"/>
                </a:cubicBezTo>
                <a:cubicBezTo>
                  <a:pt x="47" y="230"/>
                  <a:pt x="47" y="229"/>
                  <a:pt x="46" y="228"/>
                </a:cubicBezTo>
                <a:cubicBezTo>
                  <a:pt x="45" y="227"/>
                  <a:pt x="45" y="225"/>
                  <a:pt x="44" y="224"/>
                </a:cubicBezTo>
                <a:cubicBezTo>
                  <a:pt x="44" y="223"/>
                  <a:pt x="43" y="221"/>
                  <a:pt x="43" y="220"/>
                </a:cubicBezTo>
                <a:lnTo>
                  <a:pt x="43" y="216"/>
                </a:lnTo>
                <a:lnTo>
                  <a:pt x="43" y="211"/>
                </a:lnTo>
                <a:lnTo>
                  <a:pt x="43" y="208"/>
                </a:lnTo>
                <a:cubicBezTo>
                  <a:pt x="43" y="207"/>
                  <a:pt x="44" y="206"/>
                  <a:pt x="44" y="205"/>
                </a:cubicBezTo>
                <a:lnTo>
                  <a:pt x="44" y="204"/>
                </a:lnTo>
                <a:cubicBezTo>
                  <a:pt x="44" y="203"/>
                  <a:pt x="45" y="203"/>
                  <a:pt x="45" y="202"/>
                </a:cubicBezTo>
                <a:lnTo>
                  <a:pt x="48" y="199"/>
                </a:lnTo>
                <a:cubicBezTo>
                  <a:pt x="49" y="199"/>
                  <a:pt x="50" y="198"/>
                  <a:pt x="51" y="198"/>
                </a:cubicBezTo>
                <a:cubicBezTo>
                  <a:pt x="52" y="198"/>
                  <a:pt x="54" y="197"/>
                  <a:pt x="55" y="197"/>
                </a:cubicBezTo>
                <a:lnTo>
                  <a:pt x="55" y="196"/>
                </a:lnTo>
                <a:cubicBezTo>
                  <a:pt x="55" y="195"/>
                  <a:pt x="56" y="194"/>
                  <a:pt x="56" y="193"/>
                </a:cubicBezTo>
                <a:cubicBezTo>
                  <a:pt x="56" y="191"/>
                  <a:pt x="57" y="190"/>
                  <a:pt x="57" y="188"/>
                </a:cubicBezTo>
                <a:lnTo>
                  <a:pt x="57" y="183"/>
                </a:lnTo>
                <a:cubicBezTo>
                  <a:pt x="57" y="182"/>
                  <a:pt x="56" y="182"/>
                  <a:pt x="56" y="181"/>
                </a:cubicBezTo>
                <a:lnTo>
                  <a:pt x="51" y="176"/>
                </a:lnTo>
                <a:cubicBezTo>
                  <a:pt x="46" y="172"/>
                  <a:pt x="40" y="168"/>
                  <a:pt x="35" y="164"/>
                </a:cubicBezTo>
                <a:lnTo>
                  <a:pt x="20" y="152"/>
                </a:lnTo>
                <a:lnTo>
                  <a:pt x="16" y="148"/>
                </a:lnTo>
                <a:cubicBezTo>
                  <a:pt x="16" y="147"/>
                  <a:pt x="15" y="147"/>
                  <a:pt x="15" y="146"/>
                </a:cubicBezTo>
                <a:cubicBezTo>
                  <a:pt x="15" y="145"/>
                  <a:pt x="14" y="143"/>
                  <a:pt x="14" y="142"/>
                </a:cubicBezTo>
                <a:lnTo>
                  <a:pt x="14" y="138"/>
                </a:lnTo>
                <a:cubicBezTo>
                  <a:pt x="14" y="135"/>
                  <a:pt x="15" y="131"/>
                  <a:pt x="15" y="128"/>
                </a:cubicBezTo>
                <a:cubicBezTo>
                  <a:pt x="15" y="124"/>
                  <a:pt x="16" y="121"/>
                  <a:pt x="16" y="117"/>
                </a:cubicBezTo>
                <a:cubicBezTo>
                  <a:pt x="16" y="114"/>
                  <a:pt x="17" y="111"/>
                  <a:pt x="17" y="108"/>
                </a:cubicBezTo>
                <a:cubicBezTo>
                  <a:pt x="17" y="105"/>
                  <a:pt x="16" y="103"/>
                  <a:pt x="16" y="100"/>
                </a:cubicBezTo>
                <a:cubicBezTo>
                  <a:pt x="15" y="98"/>
                  <a:pt x="15" y="96"/>
                  <a:pt x="14" y="94"/>
                </a:cubicBezTo>
                <a:cubicBezTo>
                  <a:pt x="13" y="89"/>
                  <a:pt x="11" y="85"/>
                  <a:pt x="10" y="80"/>
                </a:cubicBezTo>
                <a:cubicBezTo>
                  <a:pt x="9" y="73"/>
                  <a:pt x="7" y="67"/>
                  <a:pt x="6" y="60"/>
                </a:cubicBezTo>
                <a:cubicBezTo>
                  <a:pt x="5" y="55"/>
                  <a:pt x="4" y="49"/>
                  <a:pt x="3" y="44"/>
                </a:cubicBezTo>
                <a:cubicBezTo>
                  <a:pt x="2" y="40"/>
                  <a:pt x="2" y="36"/>
                  <a:pt x="1" y="32"/>
                </a:cubicBezTo>
                <a:cubicBezTo>
                  <a:pt x="1" y="29"/>
                  <a:pt x="0" y="25"/>
                  <a:pt x="0" y="22"/>
                </a:cubicBezTo>
                <a:cubicBezTo>
                  <a:pt x="0" y="20"/>
                  <a:pt x="1" y="18"/>
                  <a:pt x="1" y="16"/>
                </a:cubicBezTo>
                <a:lnTo>
                  <a:pt x="1" y="14"/>
                </a:lnTo>
                <a:cubicBezTo>
                  <a:pt x="2" y="13"/>
                  <a:pt x="2" y="12"/>
                  <a:pt x="3" y="11"/>
                </a:cubicBezTo>
                <a:lnTo>
                  <a:pt x="4" y="10"/>
                </a:lnTo>
                <a:lnTo>
                  <a:pt x="5" y="9"/>
                </a:lnTo>
                <a:lnTo>
                  <a:pt x="8" y="9"/>
                </a:lnTo>
                <a:close/>
              </a:path>
            </a:pathLst>
          </a:custGeom>
          <a:solidFill>
            <a:schemeClr val="bg1">
              <a:alpha val="30196"/>
            </a:schemeClr>
          </a:solidFill>
          <a:ln w="9525">
            <a:noFill/>
            <a:round/>
            <a:headEnd/>
            <a:tailEnd/>
          </a:ln>
        </p:spPr>
        <p:txBody>
          <a:bodyPr/>
          <a:lstStyle/>
          <a:p>
            <a:endParaRPr lang="es-ES"/>
          </a:p>
        </p:txBody>
      </p:sp>
      <p:sp>
        <p:nvSpPr>
          <p:cNvPr id="8" name="Rectangle 5"/>
          <p:cNvSpPr txBox="1">
            <a:spLocks noChangeArrowheads="1"/>
          </p:cNvSpPr>
          <p:nvPr/>
        </p:nvSpPr>
        <p:spPr bwMode="gray">
          <a:xfrm>
            <a:off x="2895600" y="6345238"/>
            <a:ext cx="5021263" cy="3476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algn="r" eaLnBrk="0" hangingPunct="0">
              <a:spcBef>
                <a:spcPct val="60000"/>
              </a:spcBef>
              <a:buClr>
                <a:schemeClr val="accent1"/>
              </a:buClr>
              <a:buFont typeface="Wingdings" pitchFamily="2" charset="2"/>
              <a:buNone/>
              <a:defRPr/>
            </a:pPr>
            <a:r>
              <a:rPr lang="es-SV" sz="1400" kern="0" noProof="1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Secretaría General del Sistema de la Integración Centroamericana</a:t>
            </a:r>
            <a:r>
              <a:rPr lang="es-SV" sz="1400" i="1" kern="0" noProof="1">
                <a:solidFill>
                  <a:schemeClr val="bg1"/>
                </a:solidFill>
                <a:latin typeface="Times New Roman" pitchFamily="18" charset="0"/>
                <a:cs typeface="Times New Roman" pitchFamily="18" charset="0"/>
              </a:rPr>
              <a:t>.</a:t>
            </a:r>
          </a:p>
        </p:txBody>
      </p:sp>
      <p:pic>
        <p:nvPicPr>
          <p:cNvPr id="9" name="8 Imagen" descr="banderas2006B.png"/>
          <p:cNvPicPr>
            <a:picLocks noChangeAspect="1"/>
          </p:cNvPicPr>
          <p:nvPr/>
        </p:nvPicPr>
        <p:blipFill>
          <a:blip r:embed="rId3" cstate="email"/>
          <a:stretch>
            <a:fillRect/>
          </a:stretch>
        </p:blipFill>
        <p:spPr>
          <a:xfrm>
            <a:off x="370703" y="441924"/>
            <a:ext cx="5943599" cy="381295"/>
          </a:xfrm>
          <a:prstGeom prst="rect">
            <a:avLst/>
          </a:prstGeom>
          <a:effectLst>
            <a:glow rad="101600">
              <a:schemeClr val="accent5">
                <a:satMod val="175000"/>
                <a:alpha val="40000"/>
              </a:schemeClr>
            </a:glow>
          </a:effectLst>
        </p:spPr>
      </p:pic>
      <p:pic>
        <p:nvPicPr>
          <p:cNvPr id="26631" name="Picture 2" descr="U:\2009\09.Publicaciones\Logos\logo sica\logocolor.png"/>
          <p:cNvPicPr>
            <a:picLocks noChangeAspect="1" noChangeArrowheads="1"/>
          </p:cNvPicPr>
          <p:nvPr/>
        </p:nvPicPr>
        <p:blipFill>
          <a:blip r:embed="rId4" cstate="email"/>
          <a:srcRect/>
          <a:stretch>
            <a:fillRect/>
          </a:stretch>
        </p:blipFill>
        <p:spPr bwMode="auto">
          <a:xfrm>
            <a:off x="8178663" y="5337175"/>
            <a:ext cx="915987" cy="915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12 Imagen" descr="LOGO IOM 300dpi.png"/>
          <p:cNvPicPr>
            <a:picLocks noChangeAspect="1"/>
          </p:cNvPicPr>
          <p:nvPr/>
        </p:nvPicPr>
        <p:blipFill>
          <a:blip r:embed="rId5" cstate="email"/>
          <a:stretch>
            <a:fillRect/>
          </a:stretch>
        </p:blipFill>
        <p:spPr>
          <a:xfrm>
            <a:off x="98497" y="5417127"/>
            <a:ext cx="912882" cy="912401"/>
          </a:xfrm>
          <a:prstGeom prst="rect">
            <a:avLst/>
          </a:prstGeom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EA0FF28C-F6DE-4961-B55E-B556CDB9D672}" type="slidenum">
              <a:rPr lang="de-DE" sz="1000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10</a:t>
            </a:fld>
            <a:endParaRPr lang="de-DE" sz="1000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751645887"/>
              </p:ext>
            </p:extLst>
          </p:nvPr>
        </p:nvGraphicFramePr>
        <p:xfrm>
          <a:off x="379413" y="1420812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56538314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EA0FF28C-F6DE-4961-B55E-B556CDB9D672}" type="slidenum">
              <a:rPr lang="de-DE" sz="1000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11</a:t>
            </a:fld>
            <a:endParaRPr lang="de-DE" sz="1000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1787778087"/>
              </p:ext>
            </p:extLst>
          </p:nvPr>
        </p:nvGraphicFramePr>
        <p:xfrm>
          <a:off x="379413" y="1420812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2629175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EA0FF28C-F6DE-4961-B55E-B556CDB9D672}" type="slidenum">
              <a:rPr lang="de-DE" sz="1000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12</a:t>
            </a:fld>
            <a:endParaRPr lang="de-DE" sz="1000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2581620362"/>
              </p:ext>
            </p:extLst>
          </p:nvPr>
        </p:nvGraphicFramePr>
        <p:xfrm>
          <a:off x="379413" y="1420812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6324110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EA0FF28C-F6DE-4961-B55E-B556CDB9D672}" type="slidenum">
              <a:rPr lang="de-DE" sz="1000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13</a:t>
            </a:fld>
            <a:endParaRPr lang="de-DE" sz="1000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4014486813"/>
              </p:ext>
            </p:extLst>
          </p:nvPr>
        </p:nvGraphicFramePr>
        <p:xfrm>
          <a:off x="379413" y="1420812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417736651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EA0FF28C-F6DE-4961-B55E-B556CDB9D672}" type="slidenum">
              <a:rPr lang="de-DE" sz="1000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14</a:t>
            </a:fld>
            <a:endParaRPr lang="de-DE" sz="1000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32095607"/>
              </p:ext>
            </p:extLst>
          </p:nvPr>
        </p:nvGraphicFramePr>
        <p:xfrm>
          <a:off x="379413" y="1420813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738799673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EA0FF28C-F6DE-4961-B55E-B556CDB9D672}" type="slidenum">
              <a:rPr lang="de-DE" sz="1000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15</a:t>
            </a:fld>
            <a:endParaRPr lang="de-DE" sz="1000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3556095941"/>
              </p:ext>
            </p:extLst>
          </p:nvPr>
        </p:nvGraphicFramePr>
        <p:xfrm>
          <a:off x="379413" y="1420812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336724043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de-DE" smtClean="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A76BF0C4-FFE3-4E21-B364-2EA7C0177C6A}" type="slidenum">
              <a:rPr lang="de-DE" smtClean="0">
                <a:solidFill>
                  <a:srgbClr val="FFFFFF">
                    <a:lumMod val="50000"/>
                  </a:srgbClr>
                </a:solidFill>
              </a:rPr>
              <a:pPr>
                <a:defRPr/>
              </a:pPr>
              <a:t>16</a:t>
            </a:fld>
            <a:endParaRPr lang="de-DE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4" name="3 CuadroTexto"/>
          <p:cNvSpPr txBox="1"/>
          <p:nvPr/>
        </p:nvSpPr>
        <p:spPr>
          <a:xfrm>
            <a:off x="673677" y="1653885"/>
            <a:ext cx="7753351" cy="440120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/>
            <a:r>
              <a:rPr lang="es-SV" sz="4000" dirty="0" smtClean="0">
                <a:solidFill>
                  <a:srgbClr val="000000"/>
                </a:solidFill>
              </a:rPr>
              <a:t>La formulación de una Política Migratoria Regional Integral implica un paso significativo en el fortalecimiento de la gestión migratoria en Centroamérica y en la armonización jurídica en la región.</a:t>
            </a:r>
            <a:endParaRPr lang="es-SV" sz="4000" dirty="0">
              <a:solidFill>
                <a:srgbClr val="000000"/>
              </a:solidFill>
            </a:endParaRPr>
          </a:p>
        </p:txBody>
      </p:sp>
      <p:pic>
        <p:nvPicPr>
          <p:cNvPr id="6" name="5 Imagen" descr="LOGO IOM 300dpi.png"/>
          <p:cNvPicPr>
            <a:picLocks noChangeAspect="1"/>
          </p:cNvPicPr>
          <p:nvPr/>
        </p:nvPicPr>
        <p:blipFill>
          <a:blip r:embed="rId2" cstate="email"/>
          <a:stretch>
            <a:fillRect/>
          </a:stretch>
        </p:blipFill>
        <p:spPr>
          <a:xfrm>
            <a:off x="7413668" y="83130"/>
            <a:ext cx="746627" cy="7462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755975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8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algn="r">
              <a:defRPr/>
            </a:pPr>
            <a:r>
              <a:rPr lang="de-DE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616FE4FF-35EC-4202-9C14-7340096F3F46}" type="slidenum">
              <a:rPr lang="de-DE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17</a:t>
            </a:fld>
            <a:endParaRPr lang="de-DE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8" name="Rectangle 3"/>
          <p:cNvSpPr txBox="1">
            <a:spLocks noChangeArrowheads="1"/>
          </p:cNvSpPr>
          <p:nvPr/>
        </p:nvSpPr>
        <p:spPr>
          <a:xfrm>
            <a:off x="434975" y="4672013"/>
            <a:ext cx="8388350" cy="614362"/>
          </a:xfrm>
          <a:prstGeom prst="rect">
            <a:avLst/>
          </a:prstGeom>
        </p:spPr>
        <p:txBody>
          <a:bodyPr/>
          <a:lstStyle/>
          <a:p>
            <a:pPr marL="190500" indent="-190500" algn="ctr">
              <a:spcBef>
                <a:spcPct val="60000"/>
              </a:spcBef>
              <a:buClr>
                <a:srgbClr val="0061B2"/>
              </a:buClr>
              <a:buFont typeface="Wingdings" pitchFamily="2" charset="2"/>
              <a:buNone/>
              <a:defRPr/>
            </a:pPr>
            <a:r>
              <a:rPr lang="es-MX" sz="3600" b="1" kern="0" dirty="0">
                <a:solidFill>
                  <a:srgbClr val="FFFFFF">
                    <a:lumMod val="50000"/>
                  </a:srgbClr>
                </a:solidFill>
                <a:latin typeface="Arial"/>
              </a:rPr>
              <a:t>www.sica.int</a:t>
            </a:r>
          </a:p>
          <a:p>
            <a:pPr marL="190500" indent="-190500" algn="ctr">
              <a:spcBef>
                <a:spcPct val="60000"/>
              </a:spcBef>
              <a:buClr>
                <a:srgbClr val="0061B2"/>
              </a:buClr>
              <a:buFont typeface="Wingdings" pitchFamily="2" charset="2"/>
              <a:buNone/>
              <a:defRPr/>
            </a:pPr>
            <a:r>
              <a:rPr lang="es-MX" b="1" kern="0" dirty="0">
                <a:solidFill>
                  <a:srgbClr val="FFFFFF">
                    <a:lumMod val="50000"/>
                  </a:srgbClr>
                </a:solidFill>
                <a:latin typeface="Arial"/>
              </a:rPr>
              <a:t>info.sgsica@sica.int</a:t>
            </a:r>
            <a:endParaRPr lang="es-SV" b="1" kern="0" dirty="0">
              <a:solidFill>
                <a:srgbClr val="FFFFFF">
                  <a:lumMod val="50000"/>
                </a:srgbClr>
              </a:solidFill>
              <a:latin typeface="Arial"/>
            </a:endParaRPr>
          </a:p>
        </p:txBody>
      </p:sp>
      <p:pic>
        <p:nvPicPr>
          <p:cNvPr id="11" name="Picture 2" descr="U:\2009\09.Publicaciones\Logos\logo sica\logocolor.png"/>
          <p:cNvPicPr>
            <a:picLocks noChangeAspect="1" noChangeArrowheads="1"/>
          </p:cNvPicPr>
          <p:nvPr/>
        </p:nvPicPr>
        <p:blipFill>
          <a:blip r:embed="rId3" cstate="email"/>
          <a:srcRect/>
          <a:stretch>
            <a:fillRect/>
          </a:stretch>
        </p:blipFill>
        <p:spPr bwMode="auto">
          <a:xfrm>
            <a:off x="3246938" y="1527856"/>
            <a:ext cx="2592731" cy="2592731"/>
          </a:xfrm>
          <a:prstGeom prst="rect">
            <a:avLst/>
          </a:prstGeom>
          <a:noFill/>
          <a:effectLst>
            <a:reflection blurRad="6350" stA="52000" endA="300" endPos="35000" dir="5400000" sy="-100000" algn="bl" rotWithShape="0"/>
          </a:effectLst>
        </p:spPr>
      </p:pic>
      <p:pic>
        <p:nvPicPr>
          <p:cNvPr id="5" name="4 Imagen" descr="LOGO IOM 300dpi.png"/>
          <p:cNvPicPr>
            <a:picLocks noChangeAspect="1"/>
          </p:cNvPicPr>
          <p:nvPr/>
        </p:nvPicPr>
        <p:blipFill>
          <a:blip r:embed="rId4" cstate="email"/>
          <a:stretch>
            <a:fillRect/>
          </a:stretch>
        </p:blipFill>
        <p:spPr>
          <a:xfrm>
            <a:off x="7413668" y="83130"/>
            <a:ext cx="746627" cy="7462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2541367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3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314325" y="119063"/>
            <a:ext cx="7924800" cy="600075"/>
          </a:xfrm>
        </p:spPr>
        <p:txBody>
          <a:bodyPr/>
          <a:lstStyle/>
          <a:p>
            <a:pPr algn="r"/>
            <a:r>
              <a:rPr lang="es-SV" noProof="1" smtClean="0"/>
              <a:t>Estados Miembros y Asociados</a:t>
            </a:r>
          </a:p>
        </p:txBody>
      </p:sp>
      <p:sp>
        <p:nvSpPr>
          <p:cNvPr id="23554" name="Rectangle 5"/>
          <p:cNvSpPr>
            <a:spLocks noChangeArrowheads="1"/>
          </p:cNvSpPr>
          <p:nvPr/>
        </p:nvSpPr>
        <p:spPr bwMode="gray">
          <a:xfrm>
            <a:off x="4672013" y="1555750"/>
            <a:ext cx="4164012" cy="360363"/>
          </a:xfrm>
          <a:prstGeom prst="rect">
            <a:avLst/>
          </a:prstGeom>
          <a:solidFill>
            <a:schemeClr val="accent2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r>
              <a:rPr lang="es-SV" sz="1800" b="1" noProof="1">
                <a:solidFill>
                  <a:srgbClr val="FFFFFF"/>
                </a:solidFill>
              </a:rPr>
              <a:t>Estados Miembros</a:t>
            </a:r>
          </a:p>
        </p:txBody>
      </p:sp>
      <p:sp>
        <p:nvSpPr>
          <p:cNvPr id="23555" name="Rectangle 6"/>
          <p:cNvSpPr>
            <a:spLocks noChangeArrowheads="1"/>
          </p:cNvSpPr>
          <p:nvPr/>
        </p:nvSpPr>
        <p:spPr bwMode="gray">
          <a:xfrm>
            <a:off x="4672013" y="1916113"/>
            <a:ext cx="4164012" cy="2855912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>
              <a:lnSpc>
                <a:spcPct val="90000"/>
              </a:lnSpc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s-SV" noProof="1"/>
              <a:t>Belice</a:t>
            </a:r>
          </a:p>
          <a:p>
            <a:pPr marL="190500" indent="-190500">
              <a:lnSpc>
                <a:spcPct val="90000"/>
              </a:lnSpc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s-SV" noProof="1"/>
              <a:t>República de Costa Rica                </a:t>
            </a:r>
          </a:p>
          <a:p>
            <a:pPr marL="190500" indent="-190500">
              <a:lnSpc>
                <a:spcPct val="90000"/>
              </a:lnSpc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s-SV" noProof="1"/>
              <a:t>República de El Salvador</a:t>
            </a:r>
          </a:p>
          <a:p>
            <a:pPr marL="190500" indent="-190500">
              <a:lnSpc>
                <a:spcPct val="90000"/>
              </a:lnSpc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s-SV" noProof="1"/>
              <a:t>República de Guatemala</a:t>
            </a:r>
          </a:p>
          <a:p>
            <a:pPr marL="190500" indent="-190500">
              <a:lnSpc>
                <a:spcPct val="90000"/>
              </a:lnSpc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s-SV" noProof="1"/>
              <a:t>República de Honduras </a:t>
            </a:r>
          </a:p>
          <a:p>
            <a:pPr marL="190500" indent="-190500">
              <a:lnSpc>
                <a:spcPct val="90000"/>
              </a:lnSpc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s-SV" noProof="1"/>
              <a:t>República de Nicaragua</a:t>
            </a:r>
          </a:p>
          <a:p>
            <a:pPr marL="190500" indent="-190500">
              <a:lnSpc>
                <a:spcPct val="90000"/>
              </a:lnSpc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s-SV" noProof="1"/>
              <a:t>República de Panamá</a:t>
            </a:r>
          </a:p>
        </p:txBody>
      </p:sp>
      <p:sp>
        <p:nvSpPr>
          <p:cNvPr id="23556" name="Rectangle 5"/>
          <p:cNvSpPr>
            <a:spLocks noChangeArrowheads="1"/>
          </p:cNvSpPr>
          <p:nvPr/>
        </p:nvSpPr>
        <p:spPr bwMode="gray">
          <a:xfrm>
            <a:off x="4676775" y="4984750"/>
            <a:ext cx="4164013" cy="360363"/>
          </a:xfrm>
          <a:prstGeom prst="rect">
            <a:avLst/>
          </a:prstGeom>
          <a:solidFill>
            <a:schemeClr val="accent2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r>
              <a:rPr lang="es-SV" sz="1800" b="1" noProof="1">
                <a:solidFill>
                  <a:srgbClr val="FFFFFF"/>
                </a:solidFill>
              </a:rPr>
              <a:t>Estado Asociado</a:t>
            </a:r>
          </a:p>
        </p:txBody>
      </p:sp>
      <p:sp>
        <p:nvSpPr>
          <p:cNvPr id="23557" name="Rectangle 6"/>
          <p:cNvSpPr>
            <a:spLocks noChangeArrowheads="1"/>
          </p:cNvSpPr>
          <p:nvPr/>
        </p:nvSpPr>
        <p:spPr bwMode="gray">
          <a:xfrm>
            <a:off x="4676775" y="5345113"/>
            <a:ext cx="4164013" cy="569912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190500" indent="-190500">
              <a:lnSpc>
                <a:spcPct val="90000"/>
              </a:lnSpc>
              <a:spcBef>
                <a:spcPct val="40000"/>
              </a:spcBef>
              <a:buClr>
                <a:schemeClr val="accent2"/>
              </a:buClr>
              <a:buFont typeface="Wingdings" pitchFamily="2" charset="2"/>
              <a:buChar char="§"/>
            </a:pPr>
            <a:r>
              <a:rPr lang="es-SV" noProof="1"/>
              <a:t>República Dominicana</a:t>
            </a:r>
          </a:p>
        </p:txBody>
      </p:sp>
      <p:pic>
        <p:nvPicPr>
          <p:cNvPr id="23558" name="Picture 10" descr="MIEMBROS SICA"/>
          <p:cNvPicPr>
            <a:picLocks noChangeAspect="1" noChangeArrowheads="1"/>
          </p:cNvPicPr>
          <p:nvPr/>
        </p:nvPicPr>
        <p:blipFill>
          <a:blip r:embed="rId4" cstate="email"/>
          <a:srcRect/>
          <a:stretch>
            <a:fillRect/>
          </a:stretch>
        </p:blipFill>
        <p:spPr bwMode="auto">
          <a:xfrm>
            <a:off x="230188" y="1946275"/>
            <a:ext cx="4106862" cy="3756025"/>
          </a:xfrm>
          <a:prstGeom prst="rect">
            <a:avLst/>
          </a:prstGeom>
          <a:solidFill>
            <a:srgbClr val="003366"/>
          </a:solidFill>
          <a:ln w="9525">
            <a:noFill/>
            <a:miter lim="800000"/>
            <a:headEnd/>
            <a:tailEnd/>
          </a:ln>
        </p:spPr>
      </p:pic>
      <p:sp>
        <p:nvSpPr>
          <p:cNvPr id="12" name="11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chemeClr val="accent3">
                    <a:lumMod val="50000"/>
                  </a:schemeClr>
                </a:solidFill>
              </a:rPr>
              <a:t>Página No. </a:t>
            </a:r>
            <a:fld id="{E4A98071-EA07-450B-964C-D3BFF17D401A}" type="slidenum">
              <a:rPr lang="de-DE" sz="1000">
                <a:solidFill>
                  <a:schemeClr val="accent3">
                    <a:lumMod val="50000"/>
                  </a:schemeClr>
                </a:solidFill>
              </a:rPr>
              <a:pPr algn="r">
                <a:defRPr/>
              </a:pPr>
              <a:t>2</a:t>
            </a:fld>
            <a:r>
              <a:rPr lang="de-DE" sz="1000">
                <a:solidFill>
                  <a:schemeClr val="accent3">
                    <a:lumMod val="50000"/>
                  </a:schemeClr>
                </a:solidFill>
              </a:rPr>
              <a:t> </a:t>
            </a:r>
          </a:p>
        </p:txBody>
      </p:sp>
      <p:sp>
        <p:nvSpPr>
          <p:cNvPr id="13" name="Rectangle 7"/>
          <p:cNvSpPr>
            <a:spLocks noChangeArrowheads="1"/>
          </p:cNvSpPr>
          <p:nvPr/>
        </p:nvSpPr>
        <p:spPr bwMode="gray">
          <a:xfrm>
            <a:off x="314325" y="10382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 eaLnBrk="0" hangingPunct="0">
              <a:defRPr/>
            </a:pPr>
            <a:r>
              <a:rPr lang="es-SV" sz="1600" i="1" noProof="1">
                <a:solidFill>
                  <a:schemeClr val="tx1">
                    <a:lumMod val="65000"/>
                    <a:lumOff val="35000"/>
                  </a:schemeClr>
                </a:solidFill>
                <a:latin typeface="Times New Roman" pitchFamily="18" charset="0"/>
                <a:cs typeface="Times New Roman" pitchFamily="18" charset="0"/>
              </a:rPr>
              <a:t>Hacia una región de paz, libertad, democracia y desarrollo </a:t>
            </a:r>
          </a:p>
        </p:txBody>
      </p:sp>
      <p:grpSp>
        <p:nvGrpSpPr>
          <p:cNvPr id="2" name="9 Grupo"/>
          <p:cNvGrpSpPr>
            <a:grpSpLocks/>
          </p:cNvGrpSpPr>
          <p:nvPr/>
        </p:nvGrpSpPr>
        <p:grpSpPr bwMode="auto">
          <a:xfrm>
            <a:off x="2308225" y="1914525"/>
            <a:ext cx="1150938" cy="881063"/>
            <a:chOff x="2229591" y="1631989"/>
            <a:chExt cx="1708575" cy="1706521"/>
          </a:xfrm>
        </p:grpSpPr>
        <p:sp>
          <p:nvSpPr>
            <p:cNvPr id="23590" name="Oval 5"/>
            <p:cNvSpPr>
              <a:spLocks noChangeArrowheads="1"/>
            </p:cNvSpPr>
            <p:nvPr/>
          </p:nvSpPr>
          <p:spPr bwMode="gray">
            <a:xfrm>
              <a:off x="2247046" y="1643283"/>
              <a:ext cx="1675718" cy="1675717"/>
            </a:xfrm>
            <a:prstGeom prst="ellipse">
              <a:avLst/>
            </a:prstGeom>
            <a:noFill/>
            <a:ln w="76200">
              <a:solidFill>
                <a:srgbClr val="DDDDDD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algn="ctr" eaLnBrk="0" hangingPunct="0"/>
              <a:endParaRPr lang="es-SV" noProof="1"/>
            </a:p>
          </p:txBody>
        </p:sp>
        <p:pic>
          <p:nvPicPr>
            <p:cNvPr id="23591" name="Picture 6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gray">
            <a:xfrm>
              <a:off x="2612583" y="1729534"/>
              <a:ext cx="928216" cy="57500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3592" name="Picture 7"/>
            <p:cNvPicPr>
              <a:picLocks noChangeAspect="1" noChangeArrowheads="1"/>
            </p:cNvPicPr>
            <p:nvPr/>
          </p:nvPicPr>
          <p:blipFill>
            <a:blip r:embed="rId6" cstate="email"/>
            <a:srcRect/>
            <a:stretch>
              <a:fillRect/>
            </a:stretch>
          </p:blipFill>
          <p:spPr bwMode="gray">
            <a:xfrm>
              <a:off x="2229591" y="1631989"/>
              <a:ext cx="1708575" cy="170652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3" name="27 Grupo"/>
          <p:cNvGrpSpPr>
            <a:grpSpLocks/>
          </p:cNvGrpSpPr>
          <p:nvPr/>
        </p:nvGrpSpPr>
        <p:grpSpPr bwMode="auto">
          <a:xfrm>
            <a:off x="1071563" y="1914525"/>
            <a:ext cx="1150937" cy="881063"/>
            <a:chOff x="2229591" y="1631989"/>
            <a:chExt cx="1708575" cy="1706521"/>
          </a:xfrm>
        </p:grpSpPr>
        <p:sp>
          <p:nvSpPr>
            <p:cNvPr id="23587" name="Oval 5"/>
            <p:cNvSpPr>
              <a:spLocks noChangeArrowheads="1"/>
            </p:cNvSpPr>
            <p:nvPr/>
          </p:nvSpPr>
          <p:spPr bwMode="gray">
            <a:xfrm>
              <a:off x="2247046" y="1643283"/>
              <a:ext cx="1675718" cy="1675717"/>
            </a:xfrm>
            <a:prstGeom prst="ellipse">
              <a:avLst/>
            </a:prstGeom>
            <a:noFill/>
            <a:ln w="76200">
              <a:solidFill>
                <a:srgbClr val="DDDDDD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algn="ctr" eaLnBrk="0" hangingPunct="0"/>
              <a:endParaRPr lang="es-SV" noProof="1"/>
            </a:p>
          </p:txBody>
        </p:sp>
        <p:pic>
          <p:nvPicPr>
            <p:cNvPr id="23588" name="Picture 6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gray">
            <a:xfrm>
              <a:off x="2612583" y="1729534"/>
              <a:ext cx="928216" cy="57500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3589" name="Picture 7"/>
            <p:cNvPicPr>
              <a:picLocks noChangeAspect="1" noChangeArrowheads="1"/>
            </p:cNvPicPr>
            <p:nvPr/>
          </p:nvPicPr>
          <p:blipFill>
            <a:blip r:embed="rId6" cstate="email"/>
            <a:srcRect/>
            <a:stretch>
              <a:fillRect/>
            </a:stretch>
          </p:blipFill>
          <p:spPr bwMode="gray">
            <a:xfrm>
              <a:off x="2229591" y="1631989"/>
              <a:ext cx="1708575" cy="170652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4" name="35 Grupo"/>
          <p:cNvGrpSpPr>
            <a:grpSpLocks/>
          </p:cNvGrpSpPr>
          <p:nvPr/>
        </p:nvGrpSpPr>
        <p:grpSpPr bwMode="auto">
          <a:xfrm>
            <a:off x="2308225" y="4827588"/>
            <a:ext cx="1150938" cy="881062"/>
            <a:chOff x="2229591" y="1631989"/>
            <a:chExt cx="1708575" cy="1706521"/>
          </a:xfrm>
        </p:grpSpPr>
        <p:sp>
          <p:nvSpPr>
            <p:cNvPr id="23584" name="Oval 5"/>
            <p:cNvSpPr>
              <a:spLocks noChangeArrowheads="1"/>
            </p:cNvSpPr>
            <p:nvPr/>
          </p:nvSpPr>
          <p:spPr bwMode="gray">
            <a:xfrm>
              <a:off x="2247046" y="1643283"/>
              <a:ext cx="1675718" cy="1675717"/>
            </a:xfrm>
            <a:prstGeom prst="ellipse">
              <a:avLst/>
            </a:prstGeom>
            <a:noFill/>
            <a:ln w="76200">
              <a:solidFill>
                <a:srgbClr val="DDDDDD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algn="ctr" eaLnBrk="0" hangingPunct="0"/>
              <a:endParaRPr lang="es-SV" noProof="1"/>
            </a:p>
          </p:txBody>
        </p:sp>
        <p:pic>
          <p:nvPicPr>
            <p:cNvPr id="23585" name="Picture 6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gray">
            <a:xfrm>
              <a:off x="2612583" y="1729534"/>
              <a:ext cx="928216" cy="57500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3586" name="Picture 7"/>
            <p:cNvPicPr>
              <a:picLocks noChangeAspect="1" noChangeArrowheads="1"/>
            </p:cNvPicPr>
            <p:nvPr/>
          </p:nvPicPr>
          <p:blipFill>
            <a:blip r:embed="rId7" cstate="email"/>
            <a:srcRect/>
            <a:stretch>
              <a:fillRect/>
            </a:stretch>
          </p:blipFill>
          <p:spPr bwMode="gray">
            <a:xfrm>
              <a:off x="2229591" y="1631989"/>
              <a:ext cx="1708575" cy="170652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5" name="39 Grupo"/>
          <p:cNvGrpSpPr>
            <a:grpSpLocks/>
          </p:cNvGrpSpPr>
          <p:nvPr/>
        </p:nvGrpSpPr>
        <p:grpSpPr bwMode="auto">
          <a:xfrm>
            <a:off x="1071563" y="4827588"/>
            <a:ext cx="1150937" cy="881062"/>
            <a:chOff x="2229591" y="1631989"/>
            <a:chExt cx="1708575" cy="1706521"/>
          </a:xfrm>
        </p:grpSpPr>
        <p:sp>
          <p:nvSpPr>
            <p:cNvPr id="23581" name="Oval 5"/>
            <p:cNvSpPr>
              <a:spLocks noChangeArrowheads="1"/>
            </p:cNvSpPr>
            <p:nvPr/>
          </p:nvSpPr>
          <p:spPr bwMode="gray">
            <a:xfrm>
              <a:off x="2247046" y="1643283"/>
              <a:ext cx="1675718" cy="1675717"/>
            </a:xfrm>
            <a:prstGeom prst="ellipse">
              <a:avLst/>
            </a:prstGeom>
            <a:noFill/>
            <a:ln w="76200">
              <a:solidFill>
                <a:srgbClr val="DDDDDD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algn="ctr" eaLnBrk="0" hangingPunct="0"/>
              <a:endParaRPr lang="es-SV" noProof="1"/>
            </a:p>
          </p:txBody>
        </p:sp>
        <p:pic>
          <p:nvPicPr>
            <p:cNvPr id="23582" name="Picture 6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gray">
            <a:xfrm>
              <a:off x="2612583" y="1729534"/>
              <a:ext cx="928216" cy="57500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3583" name="Picture 7"/>
            <p:cNvPicPr>
              <a:picLocks noChangeAspect="1" noChangeArrowheads="1"/>
            </p:cNvPicPr>
            <p:nvPr/>
          </p:nvPicPr>
          <p:blipFill>
            <a:blip r:embed="rId7" cstate="email"/>
            <a:srcRect/>
            <a:stretch>
              <a:fillRect/>
            </a:stretch>
          </p:blipFill>
          <p:spPr bwMode="gray">
            <a:xfrm>
              <a:off x="2229591" y="1631989"/>
              <a:ext cx="1708575" cy="170652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6" name="43 Grupo"/>
          <p:cNvGrpSpPr>
            <a:grpSpLocks/>
          </p:cNvGrpSpPr>
          <p:nvPr/>
        </p:nvGrpSpPr>
        <p:grpSpPr bwMode="auto">
          <a:xfrm>
            <a:off x="203200" y="2765425"/>
            <a:ext cx="1150938" cy="882650"/>
            <a:chOff x="2229591" y="1631989"/>
            <a:chExt cx="1708575" cy="1706521"/>
          </a:xfrm>
        </p:grpSpPr>
        <p:sp>
          <p:nvSpPr>
            <p:cNvPr id="23578" name="Oval 5"/>
            <p:cNvSpPr>
              <a:spLocks noChangeArrowheads="1"/>
            </p:cNvSpPr>
            <p:nvPr/>
          </p:nvSpPr>
          <p:spPr bwMode="gray">
            <a:xfrm>
              <a:off x="2247046" y="1643283"/>
              <a:ext cx="1675718" cy="1675717"/>
            </a:xfrm>
            <a:prstGeom prst="ellipse">
              <a:avLst/>
            </a:prstGeom>
            <a:noFill/>
            <a:ln w="76200">
              <a:solidFill>
                <a:srgbClr val="DDDDDD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algn="ctr" eaLnBrk="0" hangingPunct="0"/>
              <a:endParaRPr lang="es-SV" noProof="1"/>
            </a:p>
          </p:txBody>
        </p:sp>
        <p:pic>
          <p:nvPicPr>
            <p:cNvPr id="23579" name="Picture 6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gray">
            <a:xfrm>
              <a:off x="2612583" y="1729534"/>
              <a:ext cx="928216" cy="57500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3580" name="Picture 7"/>
            <p:cNvPicPr>
              <a:picLocks noChangeAspect="1" noChangeArrowheads="1"/>
            </p:cNvPicPr>
            <p:nvPr/>
          </p:nvPicPr>
          <p:blipFill>
            <a:blip r:embed="rId6" cstate="email"/>
            <a:srcRect/>
            <a:stretch>
              <a:fillRect/>
            </a:stretch>
          </p:blipFill>
          <p:spPr bwMode="gray">
            <a:xfrm>
              <a:off x="2229591" y="1631989"/>
              <a:ext cx="1708575" cy="170652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7" name="47 Grupo"/>
          <p:cNvGrpSpPr>
            <a:grpSpLocks/>
          </p:cNvGrpSpPr>
          <p:nvPr/>
        </p:nvGrpSpPr>
        <p:grpSpPr bwMode="auto">
          <a:xfrm>
            <a:off x="3214688" y="2765425"/>
            <a:ext cx="1150937" cy="882650"/>
            <a:chOff x="2229591" y="1631989"/>
            <a:chExt cx="1708575" cy="1706521"/>
          </a:xfrm>
        </p:grpSpPr>
        <p:sp>
          <p:nvSpPr>
            <p:cNvPr id="23575" name="Oval 5"/>
            <p:cNvSpPr>
              <a:spLocks noChangeArrowheads="1"/>
            </p:cNvSpPr>
            <p:nvPr/>
          </p:nvSpPr>
          <p:spPr bwMode="gray">
            <a:xfrm>
              <a:off x="2247046" y="1643283"/>
              <a:ext cx="1675718" cy="1675717"/>
            </a:xfrm>
            <a:prstGeom prst="ellipse">
              <a:avLst/>
            </a:prstGeom>
            <a:noFill/>
            <a:ln w="76200">
              <a:solidFill>
                <a:srgbClr val="DDDDDD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algn="ctr" eaLnBrk="0" hangingPunct="0"/>
              <a:endParaRPr lang="es-SV" noProof="1"/>
            </a:p>
          </p:txBody>
        </p:sp>
        <p:pic>
          <p:nvPicPr>
            <p:cNvPr id="23576" name="Picture 6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gray">
            <a:xfrm>
              <a:off x="2612584" y="1729534"/>
              <a:ext cx="928216" cy="57500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3577" name="Picture 7"/>
            <p:cNvPicPr>
              <a:picLocks noChangeAspect="1" noChangeArrowheads="1"/>
            </p:cNvPicPr>
            <p:nvPr/>
          </p:nvPicPr>
          <p:blipFill>
            <a:blip r:embed="rId6" cstate="email"/>
            <a:srcRect/>
            <a:stretch>
              <a:fillRect/>
            </a:stretch>
          </p:blipFill>
          <p:spPr bwMode="gray">
            <a:xfrm>
              <a:off x="2229591" y="1631989"/>
              <a:ext cx="1708575" cy="170652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8" name="51 Grupo"/>
          <p:cNvGrpSpPr>
            <a:grpSpLocks/>
          </p:cNvGrpSpPr>
          <p:nvPr/>
        </p:nvGrpSpPr>
        <p:grpSpPr bwMode="auto">
          <a:xfrm>
            <a:off x="203200" y="4000500"/>
            <a:ext cx="1150938" cy="881063"/>
            <a:chOff x="2229591" y="1631989"/>
            <a:chExt cx="1708575" cy="1706521"/>
          </a:xfrm>
        </p:grpSpPr>
        <p:sp>
          <p:nvSpPr>
            <p:cNvPr id="23572" name="Oval 5"/>
            <p:cNvSpPr>
              <a:spLocks noChangeArrowheads="1"/>
            </p:cNvSpPr>
            <p:nvPr/>
          </p:nvSpPr>
          <p:spPr bwMode="gray">
            <a:xfrm>
              <a:off x="2247046" y="1643283"/>
              <a:ext cx="1675718" cy="1675717"/>
            </a:xfrm>
            <a:prstGeom prst="ellipse">
              <a:avLst/>
            </a:prstGeom>
            <a:noFill/>
            <a:ln w="76200">
              <a:solidFill>
                <a:srgbClr val="DDDDDD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algn="ctr" eaLnBrk="0" hangingPunct="0"/>
              <a:endParaRPr lang="es-SV" noProof="1"/>
            </a:p>
          </p:txBody>
        </p:sp>
        <p:pic>
          <p:nvPicPr>
            <p:cNvPr id="23573" name="Picture 6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gray">
            <a:xfrm>
              <a:off x="2612583" y="1729534"/>
              <a:ext cx="928216" cy="57500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3574" name="Picture 7"/>
            <p:cNvPicPr>
              <a:picLocks noChangeAspect="1" noChangeArrowheads="1"/>
            </p:cNvPicPr>
            <p:nvPr/>
          </p:nvPicPr>
          <p:blipFill>
            <a:blip r:embed="rId6" cstate="email"/>
            <a:srcRect/>
            <a:stretch>
              <a:fillRect/>
            </a:stretch>
          </p:blipFill>
          <p:spPr bwMode="gray">
            <a:xfrm>
              <a:off x="2229591" y="1631989"/>
              <a:ext cx="1708575" cy="170652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9" name="55 Grupo"/>
          <p:cNvGrpSpPr>
            <a:grpSpLocks/>
          </p:cNvGrpSpPr>
          <p:nvPr/>
        </p:nvGrpSpPr>
        <p:grpSpPr bwMode="auto">
          <a:xfrm>
            <a:off x="3214688" y="4000500"/>
            <a:ext cx="1150937" cy="881063"/>
            <a:chOff x="2229591" y="1631989"/>
            <a:chExt cx="1708575" cy="1706521"/>
          </a:xfrm>
        </p:grpSpPr>
        <p:sp>
          <p:nvSpPr>
            <p:cNvPr id="23569" name="Oval 5"/>
            <p:cNvSpPr>
              <a:spLocks noChangeArrowheads="1"/>
            </p:cNvSpPr>
            <p:nvPr/>
          </p:nvSpPr>
          <p:spPr bwMode="gray">
            <a:xfrm>
              <a:off x="2247046" y="1643283"/>
              <a:ext cx="1675718" cy="1675717"/>
            </a:xfrm>
            <a:prstGeom prst="ellipse">
              <a:avLst/>
            </a:prstGeom>
            <a:noFill/>
            <a:ln w="76200">
              <a:solidFill>
                <a:srgbClr val="DDDDDD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algn="ctr" eaLnBrk="0" hangingPunct="0"/>
              <a:endParaRPr lang="es-SV" noProof="1"/>
            </a:p>
          </p:txBody>
        </p:sp>
        <p:pic>
          <p:nvPicPr>
            <p:cNvPr id="23570" name="Picture 6"/>
            <p:cNvPicPr>
              <a:picLocks noChangeAspect="1" noChangeArrowheads="1"/>
            </p:cNvPicPr>
            <p:nvPr/>
          </p:nvPicPr>
          <p:blipFill>
            <a:blip r:embed="rId5" cstate="email"/>
            <a:srcRect/>
            <a:stretch>
              <a:fillRect/>
            </a:stretch>
          </p:blipFill>
          <p:spPr bwMode="gray">
            <a:xfrm>
              <a:off x="2612584" y="1729534"/>
              <a:ext cx="928216" cy="57500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3571" name="Picture 7"/>
            <p:cNvPicPr>
              <a:picLocks noChangeAspect="1" noChangeArrowheads="1"/>
            </p:cNvPicPr>
            <p:nvPr/>
          </p:nvPicPr>
          <p:blipFill>
            <a:blip r:embed="rId6" cstate="email"/>
            <a:srcRect/>
            <a:stretch>
              <a:fillRect/>
            </a:stretch>
          </p:blipFill>
          <p:spPr bwMode="gray">
            <a:xfrm>
              <a:off x="2229591" y="1631989"/>
              <a:ext cx="1708575" cy="170652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184090" y="100013"/>
            <a:ext cx="4599709" cy="600075"/>
          </a:xfrm>
        </p:spPr>
        <p:txBody>
          <a:bodyPr/>
          <a:lstStyle/>
          <a:p>
            <a:r>
              <a:rPr lang="es-SV" dirty="0" smtClean="0"/>
              <a:t>Política Migratoria Integral </a:t>
            </a:r>
            <a:endParaRPr lang="es-SV" dirty="0"/>
          </a:p>
        </p:txBody>
      </p:sp>
      <p:sp>
        <p:nvSpPr>
          <p:cNvPr id="3" name="2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de-DE" smtClean="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A76BF0C4-FFE3-4E21-B364-2EA7C0177C6A}" type="slidenum">
              <a:rPr lang="de-DE" smtClean="0">
                <a:solidFill>
                  <a:srgbClr val="FFFFFF">
                    <a:lumMod val="50000"/>
                  </a:srgbClr>
                </a:solidFill>
              </a:rPr>
              <a:pPr>
                <a:defRPr/>
              </a:pPr>
              <a:t>3</a:t>
            </a:fld>
            <a:endParaRPr lang="de-DE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4" name="3 CuadroTexto"/>
          <p:cNvSpPr txBox="1"/>
          <p:nvPr/>
        </p:nvSpPr>
        <p:spPr>
          <a:xfrm>
            <a:off x="673675" y="1861704"/>
            <a:ext cx="7753351" cy="378565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/>
            <a:r>
              <a:rPr lang="es-SV" sz="4000" dirty="0" smtClean="0">
                <a:solidFill>
                  <a:srgbClr val="000000"/>
                </a:solidFill>
              </a:rPr>
              <a:t>Los contenidos sustantivos de la Política Migratoria Regional Integral reflejan las propias necesidades que se deben de abordar en </a:t>
            </a:r>
            <a:r>
              <a:rPr lang="es-SV" sz="4000" dirty="0">
                <a:solidFill>
                  <a:srgbClr val="000000"/>
                </a:solidFill>
              </a:rPr>
              <a:t>materia de migración</a:t>
            </a:r>
            <a:r>
              <a:rPr lang="es-SV" sz="4000" dirty="0" smtClean="0">
                <a:solidFill>
                  <a:srgbClr val="000000"/>
                </a:solidFill>
              </a:rPr>
              <a:t> en los países del SICA. </a:t>
            </a:r>
            <a:endParaRPr lang="es-SV" sz="4000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755975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06375" y="130175"/>
            <a:ext cx="7843116" cy="600075"/>
          </a:xfrm>
        </p:spPr>
        <p:txBody>
          <a:bodyPr/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dirty="0" smtClean="0"/>
              <a:t>¿Quiénes participaron?</a:t>
            </a:r>
            <a:endParaRPr lang="es-ES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chemeClr val="accent3">
                    <a:lumMod val="50000"/>
                  </a:schemeClr>
                </a:solidFill>
                <a:cs typeface="+mn-cs"/>
              </a:rPr>
              <a:t>Página No. </a:t>
            </a:r>
            <a:fld id="{EA0FF28C-F6DE-4961-B55E-B556CDB9D672}" type="slidenum">
              <a:rPr lang="de-DE" sz="1000">
                <a:solidFill>
                  <a:schemeClr val="accent3">
                    <a:lumMod val="50000"/>
                  </a:schemeClr>
                </a:solidFill>
                <a:cs typeface="+mn-cs"/>
              </a:rPr>
              <a:pPr algn="r">
                <a:defRPr/>
              </a:pPr>
              <a:t>4</a:t>
            </a:fld>
            <a:endParaRPr lang="de-DE" sz="1000">
              <a:solidFill>
                <a:schemeClr val="accent3">
                  <a:lumMod val="50000"/>
                </a:schemeClr>
              </a:solidFill>
              <a:cs typeface="+mn-cs"/>
            </a:endParaRPr>
          </a:p>
        </p:txBody>
      </p:sp>
      <p:sp>
        <p:nvSpPr>
          <p:cNvPr id="27654" name="Rectangle 4"/>
          <p:cNvSpPr>
            <a:spLocks noChangeArrowheads="1"/>
          </p:cNvSpPr>
          <p:nvPr/>
        </p:nvSpPr>
        <p:spPr bwMode="gray">
          <a:xfrm>
            <a:off x="166255" y="1371600"/>
            <a:ext cx="4364181" cy="5264727"/>
          </a:xfrm>
          <a:prstGeom prst="rect">
            <a:avLst/>
          </a:prstGeom>
          <a:noFill/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108000" tIns="108000" rIns="72000" bIns="72000"/>
          <a:lstStyle/>
          <a:p>
            <a:pPr marL="457200" lvl="2" algn="just">
              <a:spcBef>
                <a:spcPct val="40000"/>
              </a:spcBef>
              <a:buClr>
                <a:schemeClr val="accent2"/>
              </a:buClr>
            </a:pPr>
            <a:r>
              <a:rPr lang="es-ES" sz="2200" dirty="0" smtClean="0"/>
              <a:t>Para la formulación de la política se contó con la participación de </a:t>
            </a:r>
            <a:r>
              <a:rPr lang="es-ES" sz="2200" smtClean="0"/>
              <a:t>las Cancillerías y  </a:t>
            </a:r>
            <a:r>
              <a:rPr lang="es-ES" sz="2200" dirty="0" smtClean="0"/>
              <a:t>Direcciones Generales </a:t>
            </a:r>
            <a:r>
              <a:rPr lang="es-ES" sz="2200" smtClean="0"/>
              <a:t>de Migración, </a:t>
            </a:r>
            <a:r>
              <a:rPr lang="es-ES" sz="2200" dirty="0" smtClean="0"/>
              <a:t>con la asistencia técnica de la Organización Internacional para las Migraciones (OIM), así como las consultas a otros sectores involucrados como lo son el sector salud, trabajo, turismo, entre otros.</a:t>
            </a:r>
          </a:p>
        </p:txBody>
      </p:sp>
      <p:grpSp>
        <p:nvGrpSpPr>
          <p:cNvPr id="19" name="18 Grupo"/>
          <p:cNvGrpSpPr/>
          <p:nvPr/>
        </p:nvGrpSpPr>
        <p:grpSpPr>
          <a:xfrm>
            <a:off x="4987636" y="1343891"/>
            <a:ext cx="3823855" cy="5312496"/>
            <a:chOff x="4876799" y="1074419"/>
            <a:chExt cx="4053841" cy="5412293"/>
          </a:xfrm>
        </p:grpSpPr>
        <p:pic>
          <p:nvPicPr>
            <p:cNvPr id="1026" name="Picture 2" descr="U:\2011\09.Publicaciones\Imágenes\otras istock\sistema.jpg"/>
            <p:cNvPicPr>
              <a:picLocks noChangeAspect="1" noChangeArrowheads="1"/>
            </p:cNvPicPr>
            <p:nvPr/>
          </p:nvPicPr>
          <p:blipFill>
            <a:blip r:embed="rId4" cstate="email">
              <a:duotone>
                <a:schemeClr val="accent1">
                  <a:shade val="45000"/>
                  <a:satMod val="135000"/>
                </a:schemeClr>
                <a:prstClr val="white"/>
              </a:duotone>
            </a:blip>
            <a:srcRect/>
            <a:stretch>
              <a:fillRect/>
            </a:stretch>
          </p:blipFill>
          <p:spPr bwMode="auto">
            <a:xfrm>
              <a:off x="4876799" y="1074419"/>
              <a:ext cx="4053841" cy="5412293"/>
            </a:xfrm>
            <a:prstGeom prst="rect">
              <a:avLst/>
            </a:prstGeom>
            <a:blipFill dpi="0" rotWithShape="1">
              <a:blip r:embed="rId5" cstate="email">
                <a:duotone>
                  <a:schemeClr val="accent1">
                    <a:shade val="45000"/>
                    <a:satMod val="135000"/>
                  </a:schemeClr>
                  <a:prstClr val="white"/>
                </a:duotone>
              </a:blip>
              <a:srcRect/>
              <a:stretch>
                <a:fillRect b="-39"/>
              </a:stretch>
            </a:blipFill>
            <a:ln w="12700">
              <a:solidFill>
                <a:srgbClr val="C0C0C0"/>
              </a:solidFill>
              <a:miter lim="800000"/>
              <a:headEnd/>
              <a:tailEnd/>
            </a:ln>
            <a:effectLst/>
          </p:spPr>
        </p:pic>
        <p:pic>
          <p:nvPicPr>
            <p:cNvPr id="10" name="Picture 3" descr="U:\2011\09.Publicaciones\Logos\logo SICA\centroamerica.png"/>
            <p:cNvPicPr>
              <a:picLocks noChangeAspect="1" noChangeArrowheads="1"/>
            </p:cNvPicPr>
            <p:nvPr/>
          </p:nvPicPr>
          <p:blipFill>
            <a:blip r:embed="rId6" cstate="email"/>
            <a:srcRect/>
            <a:stretch>
              <a:fillRect/>
            </a:stretch>
          </p:blipFill>
          <p:spPr bwMode="auto">
            <a:xfrm>
              <a:off x="5486400" y="3979759"/>
              <a:ext cx="1074420" cy="902495"/>
            </a:xfrm>
            <a:prstGeom prst="rect">
              <a:avLst/>
            </a:prstGeom>
            <a:noFill/>
          </p:spPr>
        </p:pic>
        <p:pic>
          <p:nvPicPr>
            <p:cNvPr id="11" name="Picture 3" descr="U:\2011\09.Publicaciones\Logos\logo SICA\centroamerica.png"/>
            <p:cNvPicPr>
              <a:picLocks noChangeAspect="1" noChangeArrowheads="1"/>
            </p:cNvPicPr>
            <p:nvPr/>
          </p:nvPicPr>
          <p:blipFill>
            <a:blip r:embed="rId7" cstate="email"/>
            <a:srcRect/>
            <a:stretch>
              <a:fillRect/>
            </a:stretch>
          </p:blipFill>
          <p:spPr bwMode="auto">
            <a:xfrm>
              <a:off x="7688580" y="3709702"/>
              <a:ext cx="815340" cy="684872"/>
            </a:xfrm>
            <a:prstGeom prst="rect">
              <a:avLst/>
            </a:prstGeom>
            <a:noFill/>
          </p:spPr>
        </p:pic>
        <p:pic>
          <p:nvPicPr>
            <p:cNvPr id="12" name="Picture 3" descr="U:\2011\09.Publicaciones\Logos\logo SICA\centroamerica.png"/>
            <p:cNvPicPr>
              <a:picLocks noChangeAspect="1" noChangeArrowheads="1"/>
            </p:cNvPicPr>
            <p:nvPr/>
          </p:nvPicPr>
          <p:blipFill>
            <a:blip r:embed="rId8" cstate="email"/>
            <a:srcRect/>
            <a:stretch>
              <a:fillRect/>
            </a:stretch>
          </p:blipFill>
          <p:spPr bwMode="auto">
            <a:xfrm>
              <a:off x="6507480" y="3025421"/>
              <a:ext cx="586740" cy="492851"/>
            </a:xfrm>
            <a:prstGeom prst="rect">
              <a:avLst/>
            </a:prstGeom>
            <a:noFill/>
          </p:spPr>
        </p:pic>
        <p:pic>
          <p:nvPicPr>
            <p:cNvPr id="13" name="Picture 3" descr="U:\2011\09.Publicaciones\Logos\logo SICA\centroamerica.png"/>
            <p:cNvPicPr>
              <a:picLocks noChangeAspect="1" noChangeArrowheads="1"/>
            </p:cNvPicPr>
            <p:nvPr/>
          </p:nvPicPr>
          <p:blipFill>
            <a:blip r:embed="rId9" cstate="email"/>
            <a:srcRect/>
            <a:stretch>
              <a:fillRect/>
            </a:stretch>
          </p:blipFill>
          <p:spPr bwMode="auto">
            <a:xfrm>
              <a:off x="5044033" y="3196676"/>
              <a:ext cx="373788" cy="313975"/>
            </a:xfrm>
            <a:prstGeom prst="rect">
              <a:avLst/>
            </a:prstGeom>
            <a:noFill/>
          </p:spPr>
        </p:pic>
        <p:pic>
          <p:nvPicPr>
            <p:cNvPr id="14" name="Picture 3" descr="U:\2011\09.Publicaciones\Logos\logo SICA\centroamerica.png"/>
            <p:cNvPicPr>
              <a:picLocks noChangeAspect="1" noChangeArrowheads="1"/>
            </p:cNvPicPr>
            <p:nvPr/>
          </p:nvPicPr>
          <p:blipFill>
            <a:blip r:embed="rId10" cstate="email"/>
            <a:srcRect/>
            <a:stretch>
              <a:fillRect/>
            </a:stretch>
          </p:blipFill>
          <p:spPr bwMode="auto">
            <a:xfrm>
              <a:off x="6970152" y="2400300"/>
              <a:ext cx="462653" cy="388620"/>
            </a:xfrm>
            <a:prstGeom prst="rect">
              <a:avLst/>
            </a:prstGeom>
            <a:noFill/>
          </p:spPr>
        </p:pic>
        <p:pic>
          <p:nvPicPr>
            <p:cNvPr id="15" name="Picture 3" descr="U:\2011\09.Publicaciones\Logos\logo SICA\centroamerica.png"/>
            <p:cNvPicPr>
              <a:picLocks noChangeAspect="1" noChangeArrowheads="1"/>
            </p:cNvPicPr>
            <p:nvPr/>
          </p:nvPicPr>
          <p:blipFill>
            <a:blip r:embed="rId11" cstate="email"/>
            <a:srcRect/>
            <a:stretch>
              <a:fillRect/>
            </a:stretch>
          </p:blipFill>
          <p:spPr bwMode="auto">
            <a:xfrm>
              <a:off x="6520573" y="1767840"/>
              <a:ext cx="408223" cy="342900"/>
            </a:xfrm>
            <a:prstGeom prst="rect">
              <a:avLst/>
            </a:prstGeom>
            <a:noFill/>
          </p:spPr>
        </p:pic>
        <p:pic>
          <p:nvPicPr>
            <p:cNvPr id="16" name="Picture 3" descr="U:\2011\09.Publicaciones\Logos\logo SICA\centroamerica.png"/>
            <p:cNvPicPr>
              <a:picLocks noChangeAspect="1" noChangeArrowheads="1"/>
            </p:cNvPicPr>
            <p:nvPr/>
          </p:nvPicPr>
          <p:blipFill>
            <a:blip r:embed="rId12" cstate="email"/>
            <a:srcRect/>
            <a:stretch>
              <a:fillRect/>
            </a:stretch>
          </p:blipFill>
          <p:spPr bwMode="auto">
            <a:xfrm>
              <a:off x="5867400" y="2258846"/>
              <a:ext cx="213758" cy="179553"/>
            </a:xfrm>
            <a:prstGeom prst="rect">
              <a:avLst/>
            </a:prstGeom>
            <a:noFill/>
          </p:spPr>
        </p:pic>
        <p:pic>
          <p:nvPicPr>
            <p:cNvPr id="17" name="Picture 3" descr="U:\2011\09.Publicaciones\Logos\logo SICA\centroamerica.png"/>
            <p:cNvPicPr>
              <a:picLocks noChangeAspect="1" noChangeArrowheads="1"/>
            </p:cNvPicPr>
            <p:nvPr/>
          </p:nvPicPr>
          <p:blipFill>
            <a:blip r:embed="rId12" cstate="email"/>
            <a:srcRect/>
            <a:stretch>
              <a:fillRect/>
            </a:stretch>
          </p:blipFill>
          <p:spPr bwMode="auto">
            <a:xfrm>
              <a:off x="7955280" y="2418866"/>
              <a:ext cx="213758" cy="179553"/>
            </a:xfrm>
            <a:prstGeom prst="rect">
              <a:avLst/>
            </a:prstGeom>
            <a:noFill/>
          </p:spPr>
        </p:pic>
        <p:pic>
          <p:nvPicPr>
            <p:cNvPr id="18" name="Picture 3" descr="U:\2011\09.Publicaciones\Logos\logo SICA\centroamerica.png"/>
            <p:cNvPicPr>
              <a:picLocks noChangeAspect="1" noChangeArrowheads="1"/>
            </p:cNvPicPr>
            <p:nvPr/>
          </p:nvPicPr>
          <p:blipFill>
            <a:blip r:embed="rId13" cstate="email"/>
            <a:srcRect/>
            <a:stretch>
              <a:fillRect/>
            </a:stretch>
          </p:blipFill>
          <p:spPr bwMode="auto">
            <a:xfrm>
              <a:off x="7612380" y="2060163"/>
              <a:ext cx="96499" cy="81057"/>
            </a:xfrm>
            <a:prstGeom prst="rect">
              <a:avLst/>
            </a:prstGeom>
            <a:noFill/>
          </p:spPr>
        </p:pic>
      </p:grpSp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184073" y="100013"/>
            <a:ext cx="4388426" cy="600075"/>
          </a:xfrm>
        </p:spPr>
        <p:txBody>
          <a:bodyPr/>
          <a:lstStyle/>
          <a:p>
            <a:r>
              <a:rPr lang="es-SV" dirty="0" smtClean="0"/>
              <a:t>   ¿Cuál es su contenido?    </a:t>
            </a:r>
            <a:endParaRPr lang="es-SV" dirty="0"/>
          </a:p>
        </p:txBody>
      </p:sp>
      <p:sp>
        <p:nvSpPr>
          <p:cNvPr id="3" name="2 Marcador de pie de página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r>
              <a:rPr lang="de-DE" smtClean="0"/>
              <a:t>Página No. </a:t>
            </a:r>
            <a:fld id="{A76BF0C4-FFE3-4E21-B364-2EA7C0177C6A}" type="slidenum">
              <a:rPr lang="de-DE" smtClean="0"/>
              <a:pPr>
                <a:defRPr/>
              </a:pPr>
              <a:t>5</a:t>
            </a:fld>
            <a:endParaRPr lang="de-DE"/>
          </a:p>
        </p:txBody>
      </p:sp>
      <p:sp>
        <p:nvSpPr>
          <p:cNvPr id="4" name="3 CuadroTexto"/>
          <p:cNvSpPr txBox="1"/>
          <p:nvPr/>
        </p:nvSpPr>
        <p:spPr>
          <a:xfrm>
            <a:off x="304797" y="829601"/>
            <a:ext cx="5001493" cy="671722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s-SV" sz="1900" dirty="0" smtClean="0"/>
          </a:p>
          <a:p>
            <a:r>
              <a:rPr lang="es-SV" sz="1900" dirty="0" smtClean="0"/>
              <a:t>Los grandes contenidos que contiene la Política Migratoria Regional Integral son: </a:t>
            </a:r>
          </a:p>
          <a:p>
            <a:pPr marL="457200" indent="-457200">
              <a:lnSpc>
                <a:spcPct val="150000"/>
              </a:lnSpc>
              <a:buFont typeface="Arial" pitchFamily="34" charset="0"/>
              <a:buChar char="•"/>
            </a:pPr>
            <a:r>
              <a:rPr lang="es-SV" sz="1900" dirty="0" smtClean="0"/>
              <a:t>Sistema de inmigración regional</a:t>
            </a:r>
          </a:p>
          <a:p>
            <a:pPr marL="457200" indent="-457200">
              <a:lnSpc>
                <a:spcPct val="150000"/>
              </a:lnSpc>
              <a:buFont typeface="Arial" pitchFamily="34" charset="0"/>
              <a:buChar char="•"/>
            </a:pPr>
            <a:r>
              <a:rPr lang="es-SV" sz="1900" dirty="0" smtClean="0"/>
              <a:t>Migración laboral</a:t>
            </a:r>
          </a:p>
          <a:p>
            <a:pPr marL="457200" indent="-457200">
              <a:lnSpc>
                <a:spcPct val="150000"/>
              </a:lnSpc>
              <a:buFont typeface="Arial" pitchFamily="34" charset="0"/>
              <a:buChar char="•"/>
            </a:pPr>
            <a:r>
              <a:rPr lang="es-SV" sz="1900" dirty="0" smtClean="0"/>
              <a:t>Asistencia a poblaciones migrantes vulnerables</a:t>
            </a:r>
          </a:p>
          <a:p>
            <a:pPr>
              <a:lnSpc>
                <a:spcPct val="150000"/>
              </a:lnSpc>
              <a:buFont typeface="Arial" pitchFamily="34" charset="0"/>
              <a:buChar char="•"/>
            </a:pPr>
            <a:r>
              <a:rPr lang="es-SV" sz="1900" dirty="0" smtClean="0"/>
              <a:t>      Trata y trafico ilícito de personas</a:t>
            </a:r>
          </a:p>
          <a:p>
            <a:pPr marL="457200" indent="-457200">
              <a:lnSpc>
                <a:spcPct val="150000"/>
              </a:lnSpc>
              <a:buFont typeface="Arial" pitchFamily="34" charset="0"/>
              <a:buChar char="•"/>
            </a:pPr>
            <a:r>
              <a:rPr lang="es-SV" sz="1900" dirty="0" smtClean="0"/>
              <a:t>Migración extra-regional</a:t>
            </a:r>
          </a:p>
          <a:p>
            <a:pPr marL="457200" indent="-457200">
              <a:lnSpc>
                <a:spcPct val="150000"/>
              </a:lnSpc>
              <a:buFont typeface="Arial" pitchFamily="34" charset="0"/>
              <a:buChar char="•"/>
            </a:pPr>
            <a:r>
              <a:rPr lang="es-SV" sz="1900" dirty="0" smtClean="0"/>
              <a:t>Visión y postura de la región a nivel </a:t>
            </a:r>
          </a:p>
          <a:p>
            <a:pPr>
              <a:lnSpc>
                <a:spcPct val="150000"/>
              </a:lnSpc>
            </a:pPr>
            <a:r>
              <a:rPr lang="es-SV" sz="1900" dirty="0"/>
              <a:t> </a:t>
            </a:r>
            <a:r>
              <a:rPr lang="es-SV" sz="1900" dirty="0" smtClean="0"/>
              <a:t>     internacional</a:t>
            </a:r>
          </a:p>
          <a:p>
            <a:pPr marL="457200" indent="-457200">
              <a:lnSpc>
                <a:spcPct val="150000"/>
              </a:lnSpc>
              <a:buFont typeface="Arial" pitchFamily="34" charset="0"/>
              <a:buChar char="•"/>
            </a:pPr>
            <a:r>
              <a:rPr lang="es-SV" sz="1900" dirty="0" smtClean="0"/>
              <a:t>Economía</a:t>
            </a:r>
          </a:p>
          <a:p>
            <a:pPr marL="457200" indent="-457200">
              <a:lnSpc>
                <a:spcPct val="150000"/>
              </a:lnSpc>
              <a:buFont typeface="Arial" pitchFamily="34" charset="0"/>
              <a:buChar char="•"/>
            </a:pPr>
            <a:r>
              <a:rPr lang="es-SV" sz="1900" dirty="0" smtClean="0"/>
              <a:t>Integración Social</a:t>
            </a:r>
          </a:p>
          <a:p>
            <a:pPr marL="457200" indent="-457200">
              <a:lnSpc>
                <a:spcPct val="150000"/>
              </a:lnSpc>
              <a:buFont typeface="Arial" pitchFamily="34" charset="0"/>
              <a:buChar char="•"/>
            </a:pPr>
            <a:r>
              <a:rPr lang="es-SV" sz="1900" dirty="0" smtClean="0"/>
              <a:t>Turismo</a:t>
            </a:r>
          </a:p>
          <a:p>
            <a:r>
              <a:rPr lang="es-SV" dirty="0"/>
              <a:t> </a:t>
            </a:r>
            <a:r>
              <a:rPr lang="es-SV" dirty="0" smtClean="0"/>
              <a:t>     </a:t>
            </a:r>
          </a:p>
          <a:p>
            <a:pPr marL="457200" indent="-457200">
              <a:buFont typeface="+mj-lt"/>
              <a:buAutoNum type="arabicPeriod"/>
            </a:pPr>
            <a:endParaRPr lang="es-SV" dirty="0" smtClean="0"/>
          </a:p>
          <a:p>
            <a:pPr marL="457200" indent="-457200">
              <a:buFont typeface="+mj-lt"/>
              <a:buAutoNum type="arabicPeriod"/>
            </a:pPr>
            <a:endParaRPr lang="es-SV" dirty="0"/>
          </a:p>
        </p:txBody>
      </p:sp>
      <p:pic>
        <p:nvPicPr>
          <p:cNvPr id="5" name="Picture 3" descr="U:\2011\09.Publicaciones\Imágenes\otras istock\Puzzle.jpg"/>
          <p:cNvPicPr>
            <a:picLocks noChangeAspect="1" noChangeArrowheads="1"/>
          </p:cNvPicPr>
          <p:nvPr/>
        </p:nvPicPr>
        <p:blipFill>
          <a:blip r:embed="rId2" cstate="email">
            <a:duotone>
              <a:schemeClr val="accent1">
                <a:shade val="45000"/>
                <a:satMod val="135000"/>
              </a:schemeClr>
              <a:prstClr val="white"/>
            </a:duotone>
          </a:blip>
          <a:srcRect/>
          <a:stretch>
            <a:fillRect/>
          </a:stretch>
        </p:blipFill>
        <p:spPr bwMode="auto">
          <a:xfrm>
            <a:off x="5389418" y="1440873"/>
            <a:ext cx="3103418" cy="5029199"/>
          </a:xfrm>
          <a:prstGeom prst="rect">
            <a:avLst/>
          </a:prstGeom>
          <a:blipFill dpi="0" rotWithShape="1">
            <a:blip r:embed="rId3" cstate="email">
              <a:duotone>
                <a:schemeClr val="accent1">
                  <a:shade val="45000"/>
                  <a:satMod val="135000"/>
                </a:schemeClr>
                <a:prstClr val="white"/>
              </a:duotone>
            </a:blip>
            <a:srcRect/>
            <a:stretch>
              <a:fillRect b="-39"/>
            </a:stretch>
          </a:blipFill>
          <a:ln w="12700">
            <a:solidFill>
              <a:srgbClr val="C0C0C0"/>
            </a:solidFill>
            <a:miter lim="800000"/>
            <a:headEnd/>
            <a:tailEnd/>
          </a:ln>
          <a:effectLst/>
        </p:spPr>
      </p:pic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chemeClr val="accent3">
                    <a:lumMod val="50000"/>
                  </a:schemeClr>
                </a:solidFill>
                <a:cs typeface="+mn-cs"/>
              </a:rPr>
              <a:t>Página No. </a:t>
            </a:r>
            <a:fld id="{EA0FF28C-F6DE-4961-B55E-B556CDB9D672}" type="slidenum">
              <a:rPr lang="de-DE" sz="1000">
                <a:solidFill>
                  <a:schemeClr val="accent3">
                    <a:lumMod val="50000"/>
                  </a:schemeClr>
                </a:solidFill>
                <a:cs typeface="+mn-cs"/>
              </a:rPr>
              <a:pPr algn="r">
                <a:defRPr/>
              </a:pPr>
              <a:t>6</a:t>
            </a:fld>
            <a:endParaRPr lang="de-DE" sz="1000">
              <a:solidFill>
                <a:schemeClr val="accent3">
                  <a:lumMod val="50000"/>
                </a:schemeClr>
              </a:solidFill>
              <a:cs typeface="+mn-cs"/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677556990"/>
              </p:ext>
            </p:extLst>
          </p:nvPr>
        </p:nvGraphicFramePr>
        <p:xfrm>
          <a:off x="379413" y="1420812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EA0FF28C-F6DE-4961-B55E-B556CDB9D672}" type="slidenum">
              <a:rPr lang="de-DE" sz="1000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7</a:t>
            </a:fld>
            <a:endParaRPr lang="de-DE" sz="1000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2736051642"/>
              </p:ext>
            </p:extLst>
          </p:nvPr>
        </p:nvGraphicFramePr>
        <p:xfrm>
          <a:off x="379413" y="1420812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9056433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EA0FF28C-F6DE-4961-B55E-B556CDB9D672}" type="slidenum">
              <a:rPr lang="de-DE" sz="1000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8</a:t>
            </a:fld>
            <a:endParaRPr lang="de-DE" sz="1000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1983965328"/>
              </p:ext>
            </p:extLst>
          </p:nvPr>
        </p:nvGraphicFramePr>
        <p:xfrm>
          <a:off x="420976" y="1587067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sp>
        <p:nvSpPr>
          <p:cNvPr id="6" name="5 Conector recto"/>
          <p:cNvSpPr/>
          <p:nvPr/>
        </p:nvSpPr>
        <p:spPr>
          <a:xfrm>
            <a:off x="2047715" y="5065634"/>
            <a:ext cx="6673204" cy="0"/>
          </a:xfrm>
          <a:prstGeom prst="line">
            <a:avLst/>
          </a:prstGeom>
          <a:blipFill rotWithShape="0">
            <a:blip r:embed="rId9"/>
            <a:stretch>
              <a:fillRect/>
            </a:stretch>
          </a:blipFill>
        </p:spPr>
        <p:style>
          <a:lnRef idx="2">
            <a:schemeClr val="accent1">
              <a:tint val="50000"/>
              <a:hueOff val="0"/>
              <a:satOff val="0"/>
              <a:lumOff val="0"/>
              <a:alphaOff val="0"/>
            </a:schemeClr>
          </a:lnRef>
          <a:fillRef idx="1">
            <a:scrgbClr r="0" g="0" b="0"/>
          </a:fillRef>
          <a:effectRef idx="0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tx1">
              <a:hueOff val="0"/>
              <a:satOff val="0"/>
              <a:lumOff val="0"/>
              <a:alphaOff val="0"/>
            </a:schemeClr>
          </a:fontRef>
        </p:style>
        <p:txBody>
          <a:bodyPr/>
          <a:lstStyle/>
          <a:p>
            <a:endParaRPr lang="es-SV" dirty="0" smtClean="0"/>
          </a:p>
          <a:p>
            <a:endParaRPr lang="es-SV" dirty="0"/>
          </a:p>
        </p:txBody>
      </p:sp>
      <p:sp>
        <p:nvSpPr>
          <p:cNvPr id="3" name="2 CuadroTexto"/>
          <p:cNvSpPr txBox="1"/>
          <p:nvPr/>
        </p:nvSpPr>
        <p:spPr>
          <a:xfrm>
            <a:off x="2244725" y="4599710"/>
            <a:ext cx="6476194" cy="149271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/>
            <a:endParaRPr lang="es-SV" dirty="0" smtClean="0"/>
          </a:p>
          <a:p>
            <a:pPr algn="just"/>
            <a:endParaRPr lang="es-SV" dirty="0" smtClean="0"/>
          </a:p>
          <a:p>
            <a:pPr algn="just"/>
            <a:r>
              <a:rPr lang="es-SV" sz="1700" dirty="0" smtClean="0"/>
              <a:t>Se generarán</a:t>
            </a:r>
            <a:r>
              <a:rPr lang="en-US" sz="1700" dirty="0" smtClean="0"/>
              <a:t> </a:t>
            </a:r>
            <a:r>
              <a:rPr lang="es-SV" sz="1700" dirty="0" smtClean="0"/>
              <a:t>incentivos</a:t>
            </a:r>
            <a:r>
              <a:rPr lang="en-US" sz="1700" dirty="0" smtClean="0"/>
              <a:t> </a:t>
            </a:r>
            <a:r>
              <a:rPr lang="es-SV" sz="1700" dirty="0" smtClean="0"/>
              <a:t>orientados</a:t>
            </a:r>
            <a:r>
              <a:rPr lang="en-US" sz="1700" dirty="0" smtClean="0"/>
              <a:t> a la </a:t>
            </a:r>
            <a:r>
              <a:rPr lang="es-SV" sz="1700" dirty="0" smtClean="0"/>
              <a:t>participación</a:t>
            </a:r>
            <a:r>
              <a:rPr lang="en-US" sz="1700" dirty="0" smtClean="0"/>
              <a:t> </a:t>
            </a:r>
            <a:r>
              <a:rPr lang="es-SV" sz="1700" dirty="0" smtClean="0"/>
              <a:t>proactiva</a:t>
            </a:r>
            <a:r>
              <a:rPr lang="en-US" sz="1700" dirty="0" smtClean="0"/>
              <a:t> del sector </a:t>
            </a:r>
            <a:r>
              <a:rPr lang="es-SV" sz="1700" dirty="0" smtClean="0"/>
              <a:t>privado</a:t>
            </a:r>
            <a:r>
              <a:rPr lang="en-US" sz="1700" dirty="0" smtClean="0"/>
              <a:t> en la </a:t>
            </a:r>
            <a:r>
              <a:rPr lang="es-SV" sz="1700" dirty="0" smtClean="0"/>
              <a:t>protección</a:t>
            </a:r>
            <a:r>
              <a:rPr lang="en-US" sz="1700" dirty="0" smtClean="0"/>
              <a:t> de los </a:t>
            </a:r>
            <a:r>
              <a:rPr lang="es-SV" sz="1700" dirty="0" smtClean="0"/>
              <a:t>derechos</a:t>
            </a:r>
            <a:r>
              <a:rPr lang="en-US" sz="1700" dirty="0" smtClean="0"/>
              <a:t> </a:t>
            </a:r>
            <a:r>
              <a:rPr lang="es-SV" sz="1700" dirty="0" smtClean="0"/>
              <a:t>laborales</a:t>
            </a:r>
            <a:r>
              <a:rPr lang="en-US" sz="1700" dirty="0" smtClean="0"/>
              <a:t> de los </a:t>
            </a:r>
            <a:r>
              <a:rPr lang="es-SV" sz="1700" dirty="0" smtClean="0"/>
              <a:t>migrantes</a:t>
            </a:r>
            <a:r>
              <a:rPr lang="en-US" sz="1700" dirty="0" smtClean="0"/>
              <a:t>.</a:t>
            </a:r>
            <a:endParaRPr lang="en-US" sz="1700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42002086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8"/>
          <p:cNvSpPr>
            <a:spLocks noGrp="1" noChangeArrowheads="1"/>
          </p:cNvSpPr>
          <p:nvPr>
            <p:ph type="title" idx="4294967295"/>
          </p:nvPr>
        </p:nvSpPr>
        <p:spPr>
          <a:xfrm>
            <a:off x="2978727" y="116321"/>
            <a:ext cx="5742192" cy="600075"/>
          </a:xfrm>
        </p:spPr>
        <p:txBody>
          <a:bodyPr/>
          <a:lstStyle/>
          <a:p>
            <a:pPr marL="342900" indent="-342900"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s-ES" sz="2200" noProof="1" smtClean="0"/>
              <a:t>Areas de la Política Migratoria</a:t>
            </a:r>
            <a:br>
              <a:rPr lang="es-ES" sz="2200" noProof="1" smtClean="0"/>
            </a:br>
            <a:r>
              <a:rPr lang="es-ES" sz="2200" noProof="1" smtClean="0"/>
              <a:t>Regional Integral</a:t>
            </a:r>
            <a:endParaRPr lang="es-MX" sz="2200" dirty="0"/>
          </a:p>
        </p:txBody>
      </p:sp>
      <p:sp>
        <p:nvSpPr>
          <p:cNvPr id="9" name="8 Marcador de pie de página"/>
          <p:cNvSpPr txBox="1">
            <a:spLocks noGrp="1"/>
          </p:cNvSpPr>
          <p:nvPr/>
        </p:nvSpPr>
        <p:spPr>
          <a:xfrm>
            <a:off x="7516813" y="6408738"/>
            <a:ext cx="1343025" cy="247650"/>
          </a:xfrm>
          <a:prstGeom prst="rect">
            <a:avLst/>
          </a:prstGeom>
          <a:noFill/>
        </p:spPr>
        <p:txBody>
          <a:bodyPr/>
          <a:lstStyle/>
          <a:p>
            <a:pPr algn="r">
              <a:defRPr/>
            </a:pPr>
            <a:r>
              <a:rPr lang="de-DE" sz="1000">
                <a:solidFill>
                  <a:srgbClr val="FFFFFF">
                    <a:lumMod val="50000"/>
                  </a:srgbClr>
                </a:solidFill>
              </a:rPr>
              <a:t>Página No. </a:t>
            </a:r>
            <a:fld id="{EA0FF28C-F6DE-4961-B55E-B556CDB9D672}" type="slidenum">
              <a:rPr lang="de-DE" sz="1000">
                <a:solidFill>
                  <a:srgbClr val="FFFFFF">
                    <a:lumMod val="50000"/>
                  </a:srgbClr>
                </a:solidFill>
              </a:rPr>
              <a:pPr algn="r">
                <a:defRPr/>
              </a:pPr>
              <a:t>9</a:t>
            </a:fld>
            <a:endParaRPr lang="de-DE" sz="1000">
              <a:solidFill>
                <a:srgbClr val="FFFFFF">
                  <a:lumMod val="50000"/>
                </a:srgbClr>
              </a:solidFill>
            </a:endParaRPr>
          </a:p>
        </p:txBody>
      </p:sp>
      <p:sp>
        <p:nvSpPr>
          <p:cNvPr id="27653" name="Rectangle 3"/>
          <p:cNvSpPr>
            <a:spLocks noChangeArrowheads="1"/>
          </p:cNvSpPr>
          <p:nvPr/>
        </p:nvSpPr>
        <p:spPr bwMode="gray">
          <a:xfrm>
            <a:off x="379413" y="1060450"/>
            <a:ext cx="8341506" cy="360363"/>
          </a:xfrm>
          <a:prstGeom prst="rect">
            <a:avLst/>
          </a:prstGeom>
          <a:solidFill>
            <a:schemeClr val="accent1"/>
          </a:solidFill>
          <a:ln w="12700">
            <a:solidFill>
              <a:srgbClr val="C0C0C0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 eaLnBrk="0" hangingPunct="0"/>
            <a:endParaRPr lang="es-ES" sz="1800" b="1" noProof="1" smtClean="0">
              <a:solidFill>
                <a:srgbClr val="FFFFFF"/>
              </a:solidFill>
            </a:endParaRPr>
          </a:p>
        </p:txBody>
      </p:sp>
      <p:graphicFrame>
        <p:nvGraphicFramePr>
          <p:cNvPr id="2" name="1 Diagrama"/>
          <p:cNvGraphicFramePr/>
          <p:nvPr>
            <p:extLst>
              <p:ext uri="{D42A27DB-BD31-4B8C-83A1-F6EECF244321}">
                <p14:modId xmlns:p14="http://schemas.microsoft.com/office/powerpoint/2010/main" val="823953129"/>
              </p:ext>
            </p:extLst>
          </p:nvPr>
        </p:nvGraphicFramePr>
        <p:xfrm>
          <a:off x="379413" y="1420812"/>
          <a:ext cx="8341506" cy="497998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9695253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PresentationLoad">
  <a:themeElements>
    <a:clrScheme name="PresentationLoad 1">
      <a:dk1>
        <a:srgbClr val="000000"/>
      </a:dk1>
      <a:lt1>
        <a:srgbClr val="FFFFFF"/>
      </a:lt1>
      <a:dk2>
        <a:srgbClr val="004074"/>
      </a:dk2>
      <a:lt2>
        <a:srgbClr val="FEA501"/>
      </a:lt2>
      <a:accent1>
        <a:srgbClr val="0061B2"/>
      </a:accent1>
      <a:accent2>
        <a:srgbClr val="2A79D0"/>
      </a:accent2>
      <a:accent3>
        <a:srgbClr val="FFFFFF"/>
      </a:accent3>
      <a:accent4>
        <a:srgbClr val="000000"/>
      </a:accent4>
      <a:accent5>
        <a:srgbClr val="AAB7D5"/>
      </a:accent5>
      <a:accent6>
        <a:srgbClr val="256DBC"/>
      </a:accent6>
      <a:hlink>
        <a:srgbClr val="69A2E1"/>
      </a:hlink>
      <a:folHlink>
        <a:srgbClr val="9DC2EB"/>
      </a:folHlink>
    </a:clrScheme>
    <a:fontScheme name="PresentationLoad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0000" tIns="46800" rIns="90000" bIns="46800" numCol="1" anchor="ctr" anchorCtr="0" compatLnSpc="1">
        <a:prstTxWarp prst="textNoShape">
          <a:avLst/>
        </a:prstTxWarp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PresentationLoad 1">
        <a:dk1>
          <a:srgbClr val="000000"/>
        </a:dk1>
        <a:lt1>
          <a:srgbClr val="FFFFFF"/>
        </a:lt1>
        <a:dk2>
          <a:srgbClr val="004074"/>
        </a:dk2>
        <a:lt2>
          <a:srgbClr val="FEA501"/>
        </a:lt2>
        <a:accent1>
          <a:srgbClr val="0061B2"/>
        </a:accent1>
        <a:accent2>
          <a:srgbClr val="2A79D0"/>
        </a:accent2>
        <a:accent3>
          <a:srgbClr val="FFFFFF"/>
        </a:accent3>
        <a:accent4>
          <a:srgbClr val="000000"/>
        </a:accent4>
        <a:accent5>
          <a:srgbClr val="AAB7D5"/>
        </a:accent5>
        <a:accent6>
          <a:srgbClr val="256DBC"/>
        </a:accent6>
        <a:hlink>
          <a:srgbClr val="69A2E1"/>
        </a:hlink>
        <a:folHlink>
          <a:srgbClr val="9DC2EB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Tema d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Tema d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7113</TotalTime>
  <Words>1097</Words>
  <Application>Microsoft Office PowerPoint</Application>
  <PresentationFormat>On-screen Show (4:3)</PresentationFormat>
  <Paragraphs>161</Paragraphs>
  <Slides>17</Slides>
  <Notes>14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17</vt:i4>
      </vt:variant>
    </vt:vector>
  </HeadingPairs>
  <TitlesOfParts>
    <vt:vector size="18" baseType="lpstr">
      <vt:lpstr>PresentationLoad</vt:lpstr>
      <vt:lpstr>POLÍTICA MIGRATORIA REGIONAL INTEGRAL </vt:lpstr>
      <vt:lpstr>Estados Miembros y Asociados</vt:lpstr>
      <vt:lpstr>Política Migratoria Integral </vt:lpstr>
      <vt:lpstr>¿Quiénes participaron?</vt:lpstr>
      <vt:lpstr>   ¿Cuál es su contenido?    </vt:lpstr>
      <vt:lpstr>Areas de la Política Migratoria Regional Integral</vt:lpstr>
      <vt:lpstr>Areas de la Política Migratoria Regional Integral</vt:lpstr>
      <vt:lpstr>Areas de la Política Migratoria Regional Integral</vt:lpstr>
      <vt:lpstr>Areas de la Política Migratoria Regional Integral</vt:lpstr>
      <vt:lpstr>Areas de la Política Migratoria Regional Integral</vt:lpstr>
      <vt:lpstr>Areas de la Política Migratoria Regional Integral</vt:lpstr>
      <vt:lpstr>Areas de la Política Migratoria Regional Integral</vt:lpstr>
      <vt:lpstr>Areas de la Política Migratoria Regional Integral</vt:lpstr>
      <vt:lpstr>Areas de la Política Migratoria Regional Integral</vt:lpstr>
      <vt:lpstr>Areas de la Política Migratoria Regional Integral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Template</dc:title>
  <dc:creator>Secretaria General</dc:creator>
  <dc:description>PresentationLoad.com</dc:description>
  <cp:lastModifiedBy>CON Ana Paola</cp:lastModifiedBy>
  <cp:revision>902</cp:revision>
  <dcterms:created xsi:type="dcterms:W3CDTF">2007-11-27T23:54:21Z</dcterms:created>
  <dcterms:modified xsi:type="dcterms:W3CDTF">2017-03-14T16:12:03Z</dcterms:modified>
</cp:coreProperties>
</file>